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小学校（横浜市・川崎市・相模原市以外）" sheetId="1" r:id="rId1"/>
  </sheets>
  <definedNames>
    <definedName name="_xlnm.Print_Area" localSheetId="0">'小学校（横浜市・川崎市・相模原市以外）'!$A$1:$H$331</definedName>
    <definedName name="_xlnm.Print_Titles" localSheetId="0">'小学校（横浜市・川崎市・相模原市以外）'!$4:$4</definedName>
  </definedNames>
  <calcPr calcId="125725"/>
</workbook>
</file>

<file path=xl/sharedStrings.xml><?xml version="1.0" encoding="utf-8"?>
<sst xmlns="http://schemas.openxmlformats.org/spreadsheetml/2006/main" count="2030" uniqueCount="1964">
  <si>
    <t>（本校2校</t>
    <rPh sb="1" eb="3">
      <t>ホンコウ</t>
    </rPh>
    <rPh sb="4" eb="5">
      <t>コウ</t>
    </rPh>
    <phoneticPr fontId="1"/>
  </si>
  <si>
    <t>（本校3校）</t>
    <rPh sb="1" eb="3">
      <t>ホンコウ</t>
    </rPh>
    <rPh sb="4" eb="5">
      <t>コウ</t>
    </rPh>
    <phoneticPr fontId="1"/>
  </si>
  <si>
    <t>よみがな</t>
    <phoneticPr fontId="1"/>
  </si>
  <si>
    <t>おっぱま</t>
    <phoneticPr fontId="1"/>
  </si>
  <si>
    <t>なつしま</t>
    <phoneticPr fontId="1"/>
  </si>
  <si>
    <t>うらごう</t>
    <phoneticPr fontId="1"/>
  </si>
  <si>
    <t>たかとり</t>
    <phoneticPr fontId="1"/>
  </si>
  <si>
    <t>ふなこし</t>
    <phoneticPr fontId="1"/>
  </si>
  <si>
    <t>たうら</t>
    <phoneticPr fontId="1"/>
  </si>
  <si>
    <t>ながうら</t>
    <phoneticPr fontId="1"/>
  </si>
  <si>
    <t>へみ</t>
    <phoneticPr fontId="1"/>
  </si>
  <si>
    <t>さわやま</t>
    <phoneticPr fontId="1"/>
  </si>
  <si>
    <t>さくら</t>
    <phoneticPr fontId="1"/>
  </si>
  <si>
    <t>しおいり</t>
    <phoneticPr fontId="1"/>
  </si>
  <si>
    <t>すわ</t>
    <phoneticPr fontId="1"/>
  </si>
  <si>
    <t>たど</t>
    <phoneticPr fontId="1"/>
  </si>
  <si>
    <t>やまざき</t>
    <phoneticPr fontId="1"/>
  </si>
  <si>
    <t>ふじみ</t>
    <phoneticPr fontId="1"/>
  </si>
  <si>
    <t>だいいち</t>
    <phoneticPr fontId="1"/>
  </si>
  <si>
    <t>-</t>
    <phoneticPr fontId="1"/>
  </si>
  <si>
    <t>だいに</t>
    <phoneticPr fontId="1"/>
  </si>
  <si>
    <t>おなり</t>
    <phoneticPr fontId="1"/>
  </si>
  <si>
    <t>いなむらがさき</t>
    <phoneticPr fontId="1"/>
  </si>
  <si>
    <t>こしごえ</t>
    <phoneticPr fontId="1"/>
  </si>
  <si>
    <t>ふかさわ</t>
    <phoneticPr fontId="1"/>
  </si>
  <si>
    <t>おさか</t>
    <phoneticPr fontId="1"/>
  </si>
  <si>
    <t>たまなわ</t>
    <phoneticPr fontId="1"/>
  </si>
  <si>
    <t>おおふな</t>
    <phoneticPr fontId="1"/>
  </si>
  <si>
    <t>やまさき</t>
    <phoneticPr fontId="1"/>
  </si>
  <si>
    <t>いまいずみ</t>
    <phoneticPr fontId="1"/>
  </si>
  <si>
    <t>にしかまくら</t>
    <phoneticPr fontId="1"/>
  </si>
  <si>
    <t>しちりがはま</t>
    <phoneticPr fontId="1"/>
  </si>
  <si>
    <t>ふじづか</t>
    <phoneticPr fontId="1"/>
  </si>
  <si>
    <t>せきや</t>
    <phoneticPr fontId="1"/>
  </si>
  <si>
    <t>ふじさわ</t>
    <phoneticPr fontId="1"/>
  </si>
  <si>
    <t>めいじ</t>
    <phoneticPr fontId="1"/>
  </si>
  <si>
    <t>くげぬま</t>
    <phoneticPr fontId="1"/>
  </si>
  <si>
    <t>ほんちょう</t>
    <phoneticPr fontId="1"/>
  </si>
  <si>
    <t>むらおか</t>
    <phoneticPr fontId="1"/>
  </si>
  <si>
    <t>むつあい</t>
    <phoneticPr fontId="1"/>
  </si>
  <si>
    <t>つじどう</t>
    <phoneticPr fontId="1"/>
  </si>
  <si>
    <t>こうよう</t>
    <phoneticPr fontId="1"/>
  </si>
  <si>
    <t>かたせ</t>
    <phoneticPr fontId="1"/>
  </si>
  <si>
    <t>だいどう</t>
    <phoneticPr fontId="1"/>
  </si>
  <si>
    <t>あきはだい</t>
    <phoneticPr fontId="1"/>
  </si>
  <si>
    <t>ごしょみ</t>
    <phoneticPr fontId="1"/>
  </si>
  <si>
    <t>ちょうご</t>
    <phoneticPr fontId="1"/>
  </si>
  <si>
    <t>やまつ</t>
    <phoneticPr fontId="1"/>
  </si>
  <si>
    <t>たかすな</t>
    <phoneticPr fontId="1"/>
  </si>
  <si>
    <t>ぜんぎょう</t>
    <phoneticPr fontId="1"/>
  </si>
  <si>
    <t>ふじみだい</t>
    <phoneticPr fontId="1"/>
  </si>
  <si>
    <t>こうなん</t>
    <phoneticPr fontId="1"/>
  </si>
  <si>
    <t>はまみ</t>
    <phoneticPr fontId="1"/>
  </si>
  <si>
    <t>またの</t>
    <phoneticPr fontId="1"/>
  </si>
  <si>
    <t>252-0812</t>
    <phoneticPr fontId="2"/>
  </si>
  <si>
    <t>おおこし</t>
    <phoneticPr fontId="1"/>
  </si>
  <si>
    <t>はとり</t>
    <phoneticPr fontId="1"/>
  </si>
  <si>
    <t>しょうなんだい</t>
    <phoneticPr fontId="1"/>
  </si>
  <si>
    <t>おおば</t>
    <phoneticPr fontId="1"/>
  </si>
  <si>
    <t>かめいの</t>
    <phoneticPr fontId="1"/>
  </si>
  <si>
    <t>しんばやし</t>
    <phoneticPr fontId="1"/>
  </si>
  <si>
    <t>なかさと</t>
    <phoneticPr fontId="2"/>
  </si>
  <si>
    <t>たきのさわ</t>
    <phoneticPr fontId="1"/>
  </si>
  <si>
    <t>だいぎり</t>
    <phoneticPr fontId="1"/>
  </si>
  <si>
    <t>てんじん</t>
    <phoneticPr fontId="1"/>
  </si>
  <si>
    <t>こまよせ</t>
    <phoneticPr fontId="1"/>
  </si>
  <si>
    <t>たかや</t>
    <phoneticPr fontId="1"/>
  </si>
  <si>
    <t>藤沢市立小糸小学校</t>
    <phoneticPr fontId="1"/>
  </si>
  <si>
    <t>こいと</t>
    <phoneticPr fontId="1"/>
  </si>
  <si>
    <t>おおしみず</t>
    <phoneticPr fontId="1"/>
  </si>
  <si>
    <t>いしかわ</t>
    <phoneticPr fontId="1"/>
  </si>
  <si>
    <t>ずし</t>
    <phoneticPr fontId="1"/>
  </si>
  <si>
    <t>ぬまま</t>
    <phoneticPr fontId="1"/>
  </si>
  <si>
    <t>ひさぎ</t>
    <phoneticPr fontId="1"/>
  </si>
  <si>
    <t>こつぼ</t>
    <phoneticPr fontId="1"/>
  </si>
  <si>
    <t>いけご</t>
    <phoneticPr fontId="1"/>
  </si>
  <si>
    <t>あさひ</t>
    <phoneticPr fontId="1"/>
  </si>
  <si>
    <t>はやま</t>
    <phoneticPr fontId="2"/>
  </si>
  <si>
    <t>かみやまぐち</t>
    <phoneticPr fontId="2"/>
  </si>
  <si>
    <t>ながえ</t>
    <phoneticPr fontId="2"/>
  </si>
  <si>
    <t>いっしき</t>
    <phoneticPr fontId="2"/>
  </si>
  <si>
    <t>さむかわ</t>
    <phoneticPr fontId="2"/>
  </si>
  <si>
    <t>いちのみや</t>
    <phoneticPr fontId="2"/>
  </si>
  <si>
    <t>あさひ</t>
    <phoneticPr fontId="2"/>
  </si>
  <si>
    <t>こやと</t>
    <phoneticPr fontId="2"/>
  </si>
  <si>
    <t>みなみ</t>
    <phoneticPr fontId="2"/>
  </si>
  <si>
    <t>あつぎ</t>
    <phoneticPr fontId="2"/>
  </si>
  <si>
    <t>えちみなみ</t>
    <phoneticPr fontId="2"/>
  </si>
  <si>
    <t>きた</t>
    <phoneticPr fontId="2"/>
  </si>
  <si>
    <t>おぎの</t>
    <phoneticPr fontId="2"/>
  </si>
  <si>
    <t>さんだ</t>
    <phoneticPr fontId="2"/>
  </si>
  <si>
    <t>しみず</t>
    <phoneticPr fontId="2"/>
  </si>
  <si>
    <t>こあゆ</t>
    <phoneticPr fontId="2"/>
  </si>
  <si>
    <t>たまがわ</t>
    <phoneticPr fontId="2"/>
  </si>
  <si>
    <t>なんもうり</t>
    <phoneticPr fontId="2"/>
  </si>
  <si>
    <t>あいかわ</t>
    <phoneticPr fontId="2"/>
  </si>
  <si>
    <t>あつぎだいに</t>
    <phoneticPr fontId="2"/>
  </si>
  <si>
    <t>みどりがおか</t>
    <phoneticPr fontId="2"/>
  </si>
  <si>
    <t>とむろ</t>
    <phoneticPr fontId="2"/>
  </si>
  <si>
    <t>あいこう</t>
    <phoneticPr fontId="2"/>
  </si>
  <si>
    <t>243-0028</t>
    <phoneticPr fontId="1"/>
  </si>
  <si>
    <t>つまだ</t>
    <phoneticPr fontId="2"/>
  </si>
  <si>
    <t>とびお</t>
    <phoneticPr fontId="2"/>
  </si>
  <si>
    <t>もうりだい</t>
    <phoneticPr fontId="2"/>
  </si>
  <si>
    <t>かみおぎの</t>
    <phoneticPr fontId="2"/>
  </si>
  <si>
    <t>いいやま</t>
    <phoneticPr fontId="2"/>
  </si>
  <si>
    <t>もりのさと</t>
    <phoneticPr fontId="2"/>
  </si>
  <si>
    <t>えち</t>
    <phoneticPr fontId="2"/>
  </si>
  <si>
    <t>とだ</t>
    <phoneticPr fontId="2"/>
  </si>
  <si>
    <t>かみえち</t>
    <phoneticPr fontId="2"/>
  </si>
  <si>
    <t>きたやまと</t>
    <phoneticPr fontId="1"/>
  </si>
  <si>
    <t>りんかん</t>
    <phoneticPr fontId="1"/>
  </si>
  <si>
    <t>やまと</t>
    <phoneticPr fontId="1"/>
  </si>
  <si>
    <t>そうやぎ</t>
    <phoneticPr fontId="1"/>
  </si>
  <si>
    <t>ふかみ</t>
    <phoneticPr fontId="1"/>
  </si>
  <si>
    <t>さくらがおか</t>
    <phoneticPr fontId="1"/>
  </si>
  <si>
    <t>しぶや</t>
    <phoneticPr fontId="1"/>
  </si>
  <si>
    <t>にしつるま</t>
    <phoneticPr fontId="1"/>
  </si>
  <si>
    <t>みどりの</t>
    <phoneticPr fontId="1"/>
  </si>
  <si>
    <t>かみわだ</t>
    <phoneticPr fontId="1"/>
  </si>
  <si>
    <t>やなぎばし</t>
    <phoneticPr fontId="1"/>
  </si>
  <si>
    <t>みなみりんかん</t>
    <phoneticPr fontId="2"/>
  </si>
  <si>
    <t>ふくだ</t>
    <phoneticPr fontId="1"/>
  </si>
  <si>
    <t>おおのはら</t>
    <phoneticPr fontId="1"/>
  </si>
  <si>
    <t>しもふくだ</t>
    <phoneticPr fontId="1"/>
  </si>
  <si>
    <t>やまとひがし</t>
    <phoneticPr fontId="1"/>
  </si>
  <si>
    <t>ふみがおか</t>
    <phoneticPr fontId="1"/>
  </si>
  <si>
    <t>ちゅうおうりんかん</t>
    <phoneticPr fontId="2"/>
  </si>
  <si>
    <t>えびな</t>
    <phoneticPr fontId="1"/>
  </si>
  <si>
    <t>海老名市立柏ケ谷小学校</t>
    <phoneticPr fontId="1"/>
  </si>
  <si>
    <t>かしわがや</t>
    <phoneticPr fontId="1"/>
  </si>
  <si>
    <t>海老名市柏ケ谷1090</t>
    <phoneticPr fontId="1"/>
  </si>
  <si>
    <t>あるか</t>
    <phoneticPr fontId="1"/>
  </si>
  <si>
    <t>243-0433</t>
    <phoneticPr fontId="2"/>
  </si>
  <si>
    <t>海老名市河原口3-13-1</t>
    <phoneticPr fontId="1"/>
  </si>
  <si>
    <t>ありま</t>
    <phoneticPr fontId="1"/>
  </si>
  <si>
    <t>おおや</t>
    <phoneticPr fontId="1"/>
  </si>
  <si>
    <t>じょうせい</t>
    <phoneticPr fontId="1"/>
  </si>
  <si>
    <t>なかしんでん</t>
    <phoneticPr fontId="1"/>
  </si>
  <si>
    <t>海老名市中新田1-15-1</t>
    <phoneticPr fontId="2"/>
  </si>
  <si>
    <t>かどさわばし</t>
    <phoneticPr fontId="1"/>
  </si>
  <si>
    <t>海老名市門沢橋1-19-1</t>
    <phoneticPr fontId="2"/>
  </si>
  <si>
    <t>海老名市立東柏ケ谷小学校</t>
    <phoneticPr fontId="1"/>
  </si>
  <si>
    <t>ひがしかしわがや</t>
    <phoneticPr fontId="2"/>
  </si>
  <si>
    <t>海老名市東柏ケ谷6-9-7</t>
    <phoneticPr fontId="1"/>
  </si>
  <si>
    <t>しゃけ</t>
    <phoneticPr fontId="1"/>
  </si>
  <si>
    <t>すぎくぼ</t>
    <phoneticPr fontId="1"/>
  </si>
  <si>
    <t>243-0410</t>
    <phoneticPr fontId="1"/>
  </si>
  <si>
    <t>すぎもと</t>
    <phoneticPr fontId="1"/>
  </si>
  <si>
    <t>ざま</t>
    <phoneticPr fontId="1"/>
  </si>
  <si>
    <t>くりはら</t>
    <phoneticPr fontId="1"/>
  </si>
  <si>
    <t>さがみの</t>
    <phoneticPr fontId="1"/>
  </si>
  <si>
    <t>そうぶだいひがし</t>
    <phoneticPr fontId="1"/>
  </si>
  <si>
    <t>ひばりがおか</t>
    <phoneticPr fontId="1"/>
  </si>
  <si>
    <t>座間市ひばりが丘4-4-1</t>
    <phoneticPr fontId="2"/>
  </si>
  <si>
    <t>ひがしはら</t>
    <phoneticPr fontId="1"/>
  </si>
  <si>
    <t>さがみがおか</t>
    <phoneticPr fontId="1"/>
  </si>
  <si>
    <t>たつのだい</t>
    <phoneticPr fontId="1"/>
  </si>
  <si>
    <t>いりや</t>
    <phoneticPr fontId="1"/>
  </si>
  <si>
    <t>座間市ひばりが丘5-43-1</t>
    <phoneticPr fontId="2"/>
  </si>
  <si>
    <t>なかはら</t>
    <phoneticPr fontId="1"/>
  </si>
  <si>
    <t>あやせ</t>
    <phoneticPr fontId="1"/>
  </si>
  <si>
    <t>252-1107</t>
    <phoneticPr fontId="2"/>
  </si>
  <si>
    <t>りょうほく</t>
    <phoneticPr fontId="1"/>
  </si>
  <si>
    <t>りょうせい</t>
    <phoneticPr fontId="1"/>
  </si>
  <si>
    <t>そうえん</t>
    <phoneticPr fontId="1"/>
  </si>
  <si>
    <t>りょうなん</t>
    <phoneticPr fontId="1"/>
  </si>
  <si>
    <t>てんだい</t>
    <phoneticPr fontId="1"/>
  </si>
  <si>
    <t>きたのだい</t>
    <phoneticPr fontId="1"/>
  </si>
  <si>
    <t>252-1104</t>
    <phoneticPr fontId="2"/>
  </si>
  <si>
    <t>おちあい</t>
    <phoneticPr fontId="1"/>
  </si>
  <si>
    <t>252-1116</t>
    <phoneticPr fontId="2"/>
  </si>
  <si>
    <t>つちだな</t>
    <phoneticPr fontId="1"/>
  </si>
  <si>
    <t>てらお</t>
    <phoneticPr fontId="1"/>
  </si>
  <si>
    <t>たかみね</t>
    <phoneticPr fontId="2"/>
  </si>
  <si>
    <t>たしろ</t>
    <phoneticPr fontId="2"/>
  </si>
  <si>
    <t>はんばら</t>
    <phoneticPr fontId="2"/>
  </si>
  <si>
    <t>なかつだいに</t>
    <phoneticPr fontId="2"/>
  </si>
  <si>
    <t>すがわら</t>
    <phoneticPr fontId="2"/>
  </si>
  <si>
    <t>みどり</t>
    <phoneticPr fontId="2"/>
  </si>
  <si>
    <t>243-0112</t>
    <phoneticPr fontId="2"/>
  </si>
  <si>
    <t>みやがせ</t>
    <phoneticPr fontId="2"/>
  </si>
  <si>
    <t>そうぜん</t>
    <phoneticPr fontId="1"/>
  </si>
  <si>
    <t>みなと</t>
    <phoneticPr fontId="1"/>
  </si>
  <si>
    <t>まつばら</t>
    <phoneticPr fontId="1"/>
  </si>
  <si>
    <t>はなみず</t>
    <phoneticPr fontId="1"/>
  </si>
  <si>
    <t>おおの</t>
    <phoneticPr fontId="1"/>
  </si>
  <si>
    <t>とよだ</t>
    <phoneticPr fontId="1"/>
  </si>
  <si>
    <t>かんだ</t>
    <phoneticPr fontId="1"/>
  </si>
  <si>
    <t>平塚市田村6-1-1</t>
    <phoneticPr fontId="2"/>
  </si>
  <si>
    <t>きじま</t>
    <phoneticPr fontId="1"/>
  </si>
  <si>
    <t>おかざき</t>
    <phoneticPr fontId="1"/>
  </si>
  <si>
    <t>かねだ</t>
    <phoneticPr fontId="1"/>
  </si>
  <si>
    <t>つちや</t>
    <phoneticPr fontId="1"/>
  </si>
  <si>
    <t>きさわ</t>
    <phoneticPr fontId="1"/>
  </si>
  <si>
    <t>かなめ</t>
    <phoneticPr fontId="1"/>
  </si>
  <si>
    <t>よこうち</t>
    <phoneticPr fontId="1"/>
  </si>
  <si>
    <t>やわた</t>
    <phoneticPr fontId="1"/>
  </si>
  <si>
    <t>みなみはら</t>
    <phoneticPr fontId="1"/>
  </si>
  <si>
    <t>しんど</t>
    <phoneticPr fontId="1"/>
  </si>
  <si>
    <t>254-0019</t>
    <phoneticPr fontId="2"/>
  </si>
  <si>
    <t>まつがおか</t>
    <phoneticPr fontId="1"/>
  </si>
  <si>
    <t>さがみ</t>
    <phoneticPr fontId="1"/>
  </si>
  <si>
    <t>なでしこ</t>
    <phoneticPr fontId="1"/>
  </si>
  <si>
    <t>かつはら</t>
    <phoneticPr fontId="1"/>
  </si>
  <si>
    <t>まつのぶ</t>
    <phoneticPr fontId="1"/>
  </si>
  <si>
    <t>みずほ</t>
    <phoneticPr fontId="1"/>
  </si>
  <si>
    <t>やました</t>
    <phoneticPr fontId="1"/>
  </si>
  <si>
    <t>おおはら</t>
    <phoneticPr fontId="1"/>
  </si>
  <si>
    <t>みなみ</t>
    <phoneticPr fontId="1"/>
  </si>
  <si>
    <t>ひがし</t>
    <phoneticPr fontId="1"/>
  </si>
  <si>
    <t>きた</t>
    <phoneticPr fontId="1"/>
  </si>
  <si>
    <t>おおね</t>
    <phoneticPr fontId="1"/>
  </si>
  <si>
    <t>にし</t>
    <phoneticPr fontId="1"/>
  </si>
  <si>
    <t>かみ</t>
    <phoneticPr fontId="1"/>
  </si>
  <si>
    <t>ひろはた</t>
    <phoneticPr fontId="1"/>
  </si>
  <si>
    <t>しぶさわ</t>
    <phoneticPr fontId="1"/>
  </si>
  <si>
    <t>すえひろ</t>
    <phoneticPr fontId="1"/>
  </si>
  <si>
    <t>みなみがおか</t>
    <phoneticPr fontId="2"/>
  </si>
  <si>
    <t>ほりかわ</t>
    <phoneticPr fontId="1"/>
  </si>
  <si>
    <t>つるまき</t>
    <phoneticPr fontId="1"/>
  </si>
  <si>
    <t>いせはら</t>
    <phoneticPr fontId="1"/>
  </si>
  <si>
    <t>おおやま</t>
    <phoneticPr fontId="1"/>
  </si>
  <si>
    <t>259-1107</t>
    <phoneticPr fontId="2"/>
  </si>
  <si>
    <t>たかべや</t>
    <phoneticPr fontId="1"/>
  </si>
  <si>
    <t>ひびた</t>
    <phoneticPr fontId="1"/>
  </si>
  <si>
    <t>なるせ</t>
    <phoneticPr fontId="1"/>
  </si>
  <si>
    <t>おおた</t>
    <phoneticPr fontId="1"/>
  </si>
  <si>
    <t>さくらだい</t>
    <phoneticPr fontId="1"/>
  </si>
  <si>
    <t>みどりだい</t>
    <phoneticPr fontId="1"/>
  </si>
  <si>
    <t>たけぞの</t>
    <phoneticPr fontId="1"/>
  </si>
  <si>
    <t>いしだ</t>
    <phoneticPr fontId="1"/>
  </si>
  <si>
    <t>おおいそ</t>
    <phoneticPr fontId="2"/>
  </si>
  <si>
    <t>こくふ</t>
    <phoneticPr fontId="2"/>
  </si>
  <si>
    <t>いくさわ</t>
    <phoneticPr fontId="2"/>
  </si>
  <si>
    <t>259-0102</t>
    <phoneticPr fontId="2"/>
  </si>
  <si>
    <t>みなみあしがら</t>
    <phoneticPr fontId="2"/>
  </si>
  <si>
    <t>ふくざわ</t>
    <phoneticPr fontId="1"/>
  </si>
  <si>
    <t>おかもと</t>
    <phoneticPr fontId="1"/>
  </si>
  <si>
    <t>いわはら</t>
    <phoneticPr fontId="1"/>
  </si>
  <si>
    <t>むかいだ</t>
    <phoneticPr fontId="1"/>
  </si>
  <si>
    <t>おおい</t>
    <phoneticPr fontId="2"/>
  </si>
  <si>
    <t>そうわ</t>
    <phoneticPr fontId="2"/>
  </si>
  <si>
    <t>かみおおい</t>
    <phoneticPr fontId="2"/>
  </si>
  <si>
    <t>まつだ</t>
    <phoneticPr fontId="2"/>
  </si>
  <si>
    <t>やどりき</t>
    <phoneticPr fontId="2"/>
  </si>
  <si>
    <t>まなづる</t>
    <phoneticPr fontId="2"/>
  </si>
  <si>
    <t>なかつ</t>
    <phoneticPr fontId="2"/>
  </si>
  <si>
    <t>三浦市南下浦町上宮田3040</t>
  </si>
  <si>
    <t>三浦市立剣崎小学校</t>
  </si>
  <si>
    <t>238-0104</t>
  </si>
  <si>
    <t>三浦市南下浦町松輪1710</t>
  </si>
  <si>
    <t>三浦市立初声小学校</t>
  </si>
  <si>
    <t>238-0111</t>
  </si>
  <si>
    <t>三浦市初声町下宮田3728</t>
  </si>
  <si>
    <t>三浦市立名向小学校</t>
  </si>
  <si>
    <t>238-0224</t>
  </si>
  <si>
    <t>三浦市三崎町諸磯65</t>
  </si>
  <si>
    <t>三浦市立旭小学校</t>
  </si>
  <si>
    <t>三浦市南下浦町上宮田950</t>
  </si>
  <si>
    <t>大和市</t>
    <rPh sb="0" eb="2">
      <t>ヤマト</t>
    </rPh>
    <rPh sb="2" eb="3">
      <t>シ</t>
    </rPh>
    <phoneticPr fontId="1"/>
  </si>
  <si>
    <t>大和市立北大和小学校</t>
  </si>
  <si>
    <t>242-0001</t>
  </si>
  <si>
    <t>大和市下鶴間685</t>
  </si>
  <si>
    <t>大和市立林間小学校</t>
  </si>
  <si>
    <t>242-0003</t>
  </si>
  <si>
    <t>大和市林間1-5-18</t>
  </si>
  <si>
    <t>大和市立大和小学校</t>
  </si>
  <si>
    <t>242-0018</t>
  </si>
  <si>
    <t>大和市深見西8-7-1</t>
  </si>
  <si>
    <t>大和市立草柳小学校</t>
  </si>
  <si>
    <t>242-0021</t>
  </si>
  <si>
    <t>大和市中央3-6-1</t>
  </si>
  <si>
    <t>大和市立深見小学校</t>
  </si>
  <si>
    <t>242-0013</t>
  </si>
  <si>
    <t>大和市深見台2-9-1</t>
  </si>
  <si>
    <t>大和市立桜丘小学校</t>
  </si>
  <si>
    <t>242-0014</t>
  </si>
  <si>
    <t>大和市上和田832</t>
  </si>
  <si>
    <t>大和市立渋谷小学校</t>
  </si>
  <si>
    <t>大和市立西鶴間小学校</t>
  </si>
  <si>
    <t>242-0005</t>
  </si>
  <si>
    <t>大和市西鶴間2-25-43</t>
  </si>
  <si>
    <t>大和市立緑野小学校</t>
  </si>
  <si>
    <t>（本校46校）</t>
    <rPh sb="1" eb="3">
      <t>ホンコウ</t>
    </rPh>
    <rPh sb="5" eb="6">
      <t>コウ</t>
    </rPh>
    <phoneticPr fontId="1"/>
  </si>
  <si>
    <t>大和市立上和田小学校</t>
  </si>
  <si>
    <t>大和市上和田2695</t>
  </si>
  <si>
    <t>大和市立柳橋小学校</t>
  </si>
  <si>
    <t>242-0022</t>
  </si>
  <si>
    <t>大和市柳橋1-17-7</t>
  </si>
  <si>
    <t>大和市立南林間小学校</t>
  </si>
  <si>
    <t>242-0006</t>
  </si>
  <si>
    <t>大和市南林間9-3-2</t>
  </si>
  <si>
    <t>大和市立福田小学校</t>
  </si>
  <si>
    <t>242-0024</t>
  </si>
  <si>
    <t>大和市福田5-22-1</t>
  </si>
  <si>
    <t>大和市立大野原小学校</t>
  </si>
  <si>
    <t>242-0029</t>
  </si>
  <si>
    <t>大和市上草柳7-4-26</t>
  </si>
  <si>
    <t>大和市立下福田小学校</t>
  </si>
  <si>
    <t>大和市福田570</t>
  </si>
  <si>
    <t>大和市立大和東小学校</t>
  </si>
  <si>
    <t>242-0011</t>
  </si>
  <si>
    <t>大和市深見1805</t>
  </si>
  <si>
    <t>242-0028</t>
  </si>
  <si>
    <t>大和市桜森3-16-31</t>
  </si>
  <si>
    <t>大和市立中央林間小学校</t>
  </si>
  <si>
    <t>大和市立引地台小学校</t>
  </si>
  <si>
    <t>242-0026</t>
  </si>
  <si>
    <t>大和市草柳3-1-2</t>
  </si>
  <si>
    <t>海老名市</t>
    <rPh sb="0" eb="4">
      <t>エビナシ</t>
    </rPh>
    <phoneticPr fontId="1"/>
  </si>
  <si>
    <t>海老名市立海老名小学校</t>
  </si>
  <si>
    <t>243-0405</t>
  </si>
  <si>
    <t>海老名市国分南3-12-3</t>
  </si>
  <si>
    <t>243-0402</t>
  </si>
  <si>
    <t>海老名市立有鹿小学校</t>
  </si>
  <si>
    <t>海老名市立有馬小学校</t>
  </si>
  <si>
    <t>243-0416</t>
  </si>
  <si>
    <t>海老名市中河内1784</t>
  </si>
  <si>
    <t>海老名市立大谷小学校</t>
  </si>
  <si>
    <t>243-0413</t>
  </si>
  <si>
    <t>海老名市国分寺台2-13-1</t>
  </si>
  <si>
    <t>海老名市立上星小学校</t>
  </si>
  <si>
    <t>243-0431</t>
  </si>
  <si>
    <t>海老名市上今泉1-23-1</t>
  </si>
  <si>
    <t>海老名市立中新田小学校</t>
  </si>
  <si>
    <t>243-0422</t>
  </si>
  <si>
    <t>海老名市立門沢橋小学校</t>
  </si>
  <si>
    <t>243-0426</t>
  </si>
  <si>
    <t>243-0401</t>
  </si>
  <si>
    <t>海老名市立社家小学校</t>
  </si>
  <si>
    <t>243-0424</t>
  </si>
  <si>
    <t>海老名市立杉久保小学校</t>
  </si>
  <si>
    <t>海老名市杉久保北4-4-1</t>
    <rPh sb="7" eb="8">
      <t>キタ</t>
    </rPh>
    <phoneticPr fontId="2"/>
  </si>
  <si>
    <t>海老名市立今泉小学校</t>
  </si>
  <si>
    <t>海老名市上今泉2028</t>
  </si>
  <si>
    <t>海老名市立杉本小学校</t>
  </si>
  <si>
    <t>243-0406</t>
  </si>
  <si>
    <t>海老名市国分北4-10-1</t>
  </si>
  <si>
    <t>座間市</t>
    <rPh sb="0" eb="3">
      <t>ザマシ</t>
    </rPh>
    <phoneticPr fontId="1"/>
  </si>
  <si>
    <t>座間市立座間小学校</t>
  </si>
  <si>
    <t>座間市座間2-3133</t>
  </si>
  <si>
    <t>（本校11校）</t>
    <rPh sb="1" eb="3">
      <t>ホンコウ</t>
    </rPh>
    <rPh sb="5" eb="6">
      <t>コウ</t>
    </rPh>
    <phoneticPr fontId="1"/>
  </si>
  <si>
    <t>座間市立栗原小学校</t>
  </si>
  <si>
    <t>座間市栗原中央6-8-1</t>
  </si>
  <si>
    <t>座間市立相模野小学校</t>
  </si>
  <si>
    <t>座間市広野台1-41-1</t>
  </si>
  <si>
    <t>座間市立相武台東小学校</t>
  </si>
  <si>
    <t>座間市栗原1302</t>
  </si>
  <si>
    <t>座間市立ひばりが丘小学校</t>
  </si>
  <si>
    <t>252-0027</t>
  </si>
  <si>
    <t>252-0014</t>
  </si>
  <si>
    <t>252-0012</t>
  </si>
  <si>
    <t>252-0013</t>
  </si>
  <si>
    <t>252-0003</t>
  </si>
  <si>
    <t>252-0004</t>
  </si>
  <si>
    <t>252-0001</t>
  </si>
  <si>
    <t>252-0023</t>
  </si>
  <si>
    <t>252-0016</t>
  </si>
  <si>
    <t>座間市立東原小学校</t>
  </si>
  <si>
    <t>座間市東原2-6-1</t>
  </si>
  <si>
    <t>座間市立相模が丘小学校</t>
  </si>
  <si>
    <t>座間市相模が丘3-1-1</t>
  </si>
  <si>
    <t>座間市立立野台小学校</t>
  </si>
  <si>
    <t>座間市立野台1-1-3</t>
  </si>
  <si>
    <t>座間市立入谷小学校</t>
  </si>
  <si>
    <t>座間市立旭小学校</t>
  </si>
  <si>
    <t>座間市立中原小学校</t>
  </si>
  <si>
    <t>座間市西栗原2-16-1</t>
  </si>
  <si>
    <t>綾瀬市</t>
    <rPh sb="0" eb="3">
      <t>アヤセシ</t>
    </rPh>
    <phoneticPr fontId="1"/>
  </si>
  <si>
    <t>綾瀬市立綾瀬小学校</t>
  </si>
  <si>
    <t>綾瀬市深谷中5-1-1</t>
    <rPh sb="5" eb="6">
      <t>ナカ</t>
    </rPh>
    <phoneticPr fontId="2"/>
  </si>
  <si>
    <t>（本校10校）</t>
    <rPh sb="1" eb="3">
      <t>ホンコウ</t>
    </rPh>
    <rPh sb="5" eb="6">
      <t>コウ</t>
    </rPh>
    <phoneticPr fontId="1"/>
  </si>
  <si>
    <t>綾瀬市立綾北小学校</t>
  </si>
  <si>
    <t>252-1133</t>
  </si>
  <si>
    <t>綾瀬市寺尾本町3-10-1</t>
  </si>
  <si>
    <t>綾瀬市立綾西小学校</t>
  </si>
  <si>
    <t>252-1126</t>
  </si>
  <si>
    <t>綾瀬市綾西1-2-1</t>
  </si>
  <si>
    <t>綾瀬市立早園小学校</t>
  </si>
  <si>
    <t>252-1121</t>
  </si>
  <si>
    <t>綾瀬市小園420</t>
  </si>
  <si>
    <t>綾瀬市立綾南小学校</t>
  </si>
  <si>
    <t>252-1113</t>
  </si>
  <si>
    <t>綾瀬市上土棚中1-12-19</t>
  </si>
  <si>
    <t>綾瀬市立天台小学校</t>
  </si>
  <si>
    <t>252-1137</t>
  </si>
  <si>
    <t>綾瀬市寺尾台1-3-1</t>
  </si>
  <si>
    <t>綾瀬市立北の台小学校</t>
  </si>
  <si>
    <t>綾瀬市大上9-14-1</t>
    <rPh sb="3" eb="5">
      <t>オオガミ</t>
    </rPh>
    <phoneticPr fontId="2"/>
  </si>
  <si>
    <t>綾瀬市立落合小学校</t>
  </si>
  <si>
    <t>綾瀬市落合北3-10-1</t>
    <rPh sb="3" eb="5">
      <t>オチアイ</t>
    </rPh>
    <rPh sb="5" eb="6">
      <t>キタ</t>
    </rPh>
    <phoneticPr fontId="2"/>
  </si>
  <si>
    <t>綾瀬市立土棚小学校</t>
  </si>
  <si>
    <t>252-1114</t>
  </si>
  <si>
    <t>綾瀬市上土棚南6-1-1</t>
  </si>
  <si>
    <t>綾瀬市立寺尾小学校</t>
  </si>
  <si>
    <t>252-1134</t>
  </si>
  <si>
    <t>綾瀬市寺尾南1-3-1</t>
  </si>
  <si>
    <t>小学校（横浜市・川崎市・相模原市以外）</t>
    <rPh sb="0" eb="3">
      <t>ショウガッコウ</t>
    </rPh>
    <rPh sb="4" eb="7">
      <t>ヨコハマシ</t>
    </rPh>
    <rPh sb="8" eb="11">
      <t>カワサキシ</t>
    </rPh>
    <rPh sb="12" eb="16">
      <t>サガミハラシ</t>
    </rPh>
    <rPh sb="16" eb="18">
      <t>イガイ</t>
    </rPh>
    <phoneticPr fontId="1"/>
  </si>
  <si>
    <t>平塚市</t>
    <rPh sb="0" eb="3">
      <t>ヒラツカシ</t>
    </rPh>
    <phoneticPr fontId="1"/>
  </si>
  <si>
    <t>平塚市立崇善小学校</t>
  </si>
  <si>
    <t>254-0041</t>
  </si>
  <si>
    <t>平塚市浅間町4-3</t>
  </si>
  <si>
    <t>平塚市立港小学校</t>
  </si>
  <si>
    <t>254-0806</t>
  </si>
  <si>
    <t>平塚市立松原小学校</t>
  </si>
  <si>
    <t>254-0031</t>
  </si>
  <si>
    <t>平塚市天沼7-10</t>
  </si>
  <si>
    <t>平塚市立富士見小学校</t>
  </si>
  <si>
    <t>254-0054</t>
  </si>
  <si>
    <t>平塚市中里10-1</t>
  </si>
  <si>
    <t>平塚市立花水小学校</t>
  </si>
  <si>
    <t>254-0814</t>
  </si>
  <si>
    <t>平塚市立旭小学校</t>
  </si>
  <si>
    <t>254-0903</t>
  </si>
  <si>
    <t>平塚市河内307</t>
  </si>
  <si>
    <t>平塚市立大野小学校</t>
  </si>
  <si>
    <t>254-0018</t>
  </si>
  <si>
    <t>平塚市東真土2-1-1</t>
  </si>
  <si>
    <t>平塚市立中原小学校</t>
  </si>
  <si>
    <t>254-0061</t>
  </si>
  <si>
    <t>平塚市御殿2-8-9</t>
  </si>
  <si>
    <t>平塚市立豊田小学校</t>
  </si>
  <si>
    <t>254-0085</t>
  </si>
  <si>
    <t>平塚市豊田宮下552</t>
  </si>
  <si>
    <t>平塚市立神田小学校</t>
  </si>
  <si>
    <t>254-0013</t>
  </si>
  <si>
    <t>平塚市立城島小学校</t>
  </si>
  <si>
    <t>254-0004</t>
  </si>
  <si>
    <t>平塚市小鍋島608-3</t>
  </si>
  <si>
    <t>平塚市立岡崎小学校</t>
  </si>
  <si>
    <t>259-1212</t>
  </si>
  <si>
    <t>平塚市岡崎3430</t>
  </si>
  <si>
    <t>平塚市立金田小学校</t>
  </si>
  <si>
    <t>259-1216</t>
  </si>
  <si>
    <t>平塚市入野514</t>
  </si>
  <si>
    <t>平塚市立土屋小学校</t>
  </si>
  <si>
    <t>259-1205</t>
  </si>
  <si>
    <t>平塚市土屋3004-2</t>
  </si>
  <si>
    <t>平塚市立吉沢小学校</t>
  </si>
  <si>
    <t>259-1204</t>
  </si>
  <si>
    <t>平塚市上吉沢465</t>
  </si>
  <si>
    <t>平塚市立金目小学校</t>
  </si>
  <si>
    <t>259-1201</t>
  </si>
  <si>
    <t>平塚市南金目907</t>
  </si>
  <si>
    <t>平塚市立横内小学校</t>
  </si>
  <si>
    <t>254-0002</t>
  </si>
  <si>
    <t>平塚市横内2687</t>
  </si>
  <si>
    <t>平塚市立八幡小学校</t>
  </si>
  <si>
    <t>254-0016</t>
  </si>
  <si>
    <t>平塚市東八幡3-8-1</t>
  </si>
  <si>
    <t>平塚市立南原小学校</t>
  </si>
  <si>
    <t>254-0065</t>
  </si>
  <si>
    <t>平塚市南原1-11-31</t>
  </si>
  <si>
    <t>平塚市立真土小学校</t>
  </si>
  <si>
    <t>平塚市西真土4-3-1</t>
  </si>
  <si>
    <t>平塚市立松が丘小学校</t>
  </si>
  <si>
    <t>254-0077</t>
  </si>
  <si>
    <t>平塚市東中原1-12-2</t>
  </si>
  <si>
    <t>平塚市立相模小学校</t>
  </si>
  <si>
    <t>平塚市立なでしこ小学校</t>
  </si>
  <si>
    <t>254-0824</t>
  </si>
  <si>
    <t>平塚市花水台42-1</t>
  </si>
  <si>
    <t>平塚市立勝原小学校</t>
  </si>
  <si>
    <t>254-0914</t>
  </si>
  <si>
    <t>平塚市高村45</t>
  </si>
  <si>
    <t>平塚市立松延小学校</t>
  </si>
  <si>
    <t>254-0901</t>
  </si>
  <si>
    <t>平塚市纒226</t>
  </si>
  <si>
    <t>平塚市立みずほ小学校</t>
  </si>
  <si>
    <t>259-1207</t>
  </si>
  <si>
    <t>平塚市立大原小学校</t>
  </si>
  <si>
    <t>254-0074</t>
  </si>
  <si>
    <t>平塚市大原1-14</t>
  </si>
  <si>
    <t>秦野市</t>
    <rPh sb="0" eb="3">
      <t>ハダノシ</t>
    </rPh>
    <phoneticPr fontId="1"/>
  </si>
  <si>
    <t>秦野市立本町小学校</t>
  </si>
  <si>
    <t>257-0044</t>
  </si>
  <si>
    <t>秦野市文京町1-5</t>
  </si>
  <si>
    <t>秦野市立南小学校</t>
  </si>
  <si>
    <t>257-0014</t>
  </si>
  <si>
    <t>秦野市今泉699</t>
  </si>
  <si>
    <t>秦野市立東小学校</t>
  </si>
  <si>
    <t>257-0023</t>
  </si>
  <si>
    <t>秦野市寺山512</t>
  </si>
  <si>
    <t>秦野市立北小学校</t>
  </si>
  <si>
    <t>259-1302</t>
  </si>
  <si>
    <t>秦野市菩堤380</t>
  </si>
  <si>
    <t>秦野市立大根小学校</t>
  </si>
  <si>
    <t>257-0003</t>
  </si>
  <si>
    <t>秦野市南矢名4-29-1</t>
  </si>
  <si>
    <t>秦野市立西小学校</t>
  </si>
  <si>
    <t>259-1317</t>
  </si>
  <si>
    <t>秦野市並木町8-1</t>
  </si>
  <si>
    <t>秦野市立上小学校</t>
  </si>
  <si>
    <t>259-1334</t>
  </si>
  <si>
    <t>秦野市柳川25-3</t>
  </si>
  <si>
    <t>秦野市立広畑小学校</t>
  </si>
  <si>
    <t>257-0004</t>
  </si>
  <si>
    <t>秦野市下大槻174-4</t>
  </si>
  <si>
    <t>秦野市立渋沢小学校</t>
  </si>
  <si>
    <t>259-1326</t>
  </si>
  <si>
    <t>秦野市渋沢上1-12-1</t>
  </si>
  <si>
    <t>秦野市立末広小学校</t>
  </si>
  <si>
    <t>257-0037</t>
  </si>
  <si>
    <t>秦野市末広町6-6</t>
  </si>
  <si>
    <t>秦野市立南が丘小学校</t>
  </si>
  <si>
    <t>257-0013</t>
  </si>
  <si>
    <t>秦野市南が丘4-1</t>
  </si>
  <si>
    <t>秦野市立堀川小学校</t>
  </si>
  <si>
    <t>259-1305</t>
  </si>
  <si>
    <t>秦野市堀川105-3</t>
  </si>
  <si>
    <t>秦野市立鶴巻小学校</t>
  </si>
  <si>
    <t>257-0007</t>
  </si>
  <si>
    <t>秦野市鶴巻2240-1</t>
  </si>
  <si>
    <t>伊勢原市</t>
    <rPh sb="0" eb="4">
      <t>イセハラシ</t>
    </rPh>
    <phoneticPr fontId="1"/>
  </si>
  <si>
    <t>伊勢原市立伊勢原小学校</t>
  </si>
  <si>
    <t>259-1131</t>
  </si>
  <si>
    <t>伊勢原市伊勢原4-1-1</t>
  </si>
  <si>
    <t>伊勢原市立大山小学校</t>
  </si>
  <si>
    <t>伊勢原市大山209</t>
  </si>
  <si>
    <t>伊勢原市立高部屋小学校</t>
  </si>
  <si>
    <t>259-1111</t>
  </si>
  <si>
    <t>伊勢原市西富岡1090-1</t>
  </si>
  <si>
    <t>伊勢原市立比々多小学校</t>
  </si>
  <si>
    <t>259-1138</t>
  </si>
  <si>
    <t>伊勢原市神戸521-1</t>
  </si>
  <si>
    <t>伊勢原市立成瀬小学校</t>
  </si>
  <si>
    <t>259-1114</t>
  </si>
  <si>
    <t>伊勢原市高森1481-3</t>
  </si>
  <si>
    <t>伊勢原市立大田小学校</t>
  </si>
  <si>
    <t>259-1123</t>
  </si>
  <si>
    <t>伊勢原市下谷1471-1</t>
  </si>
  <si>
    <t>伊勢原市立桜台小学校</t>
  </si>
  <si>
    <t>259-1132</t>
  </si>
  <si>
    <t>伊勢原市桜台4-16-1</t>
  </si>
  <si>
    <t>伊勢原市立緑台小学校</t>
  </si>
  <si>
    <t>伊勢原市高森482</t>
  </si>
  <si>
    <t>伊勢原市立竹園小学校</t>
  </si>
  <si>
    <t>259-1135</t>
  </si>
  <si>
    <t>伊勢原市岡崎6611-1</t>
  </si>
  <si>
    <t>伊勢原市立石田小学校</t>
  </si>
  <si>
    <t>259-1116</t>
  </si>
  <si>
    <t>伊勢原市石田1168-1</t>
  </si>
  <si>
    <t>（本校6校）</t>
    <rPh sb="1" eb="3">
      <t>ホンコウ</t>
    </rPh>
    <rPh sb="4" eb="5">
      <t>コウ</t>
    </rPh>
    <phoneticPr fontId="1"/>
  </si>
  <si>
    <t>南足柄市立南足柄小学校</t>
  </si>
  <si>
    <t>250-0105</t>
  </si>
  <si>
    <t>南足柄市関本400</t>
  </si>
  <si>
    <t>南足柄市立福沢小学校</t>
  </si>
  <si>
    <t>250-0102</t>
  </si>
  <si>
    <t>南足柄市千津島632</t>
  </si>
  <si>
    <t>南足柄市立岡本小学校</t>
  </si>
  <si>
    <t>250-0117</t>
  </si>
  <si>
    <t>南足柄市塚原1769</t>
  </si>
  <si>
    <t>南足柄市立岩原小学校</t>
  </si>
  <si>
    <t>250-0113</t>
  </si>
  <si>
    <t>南足柄市岩原310</t>
  </si>
  <si>
    <t>南足柄市立向田小学校</t>
  </si>
  <si>
    <t>250-0104</t>
  </si>
  <si>
    <t>南足柄市向田555</t>
  </si>
  <si>
    <t>小田原市</t>
    <rPh sb="0" eb="4">
      <t>オダワラシ</t>
    </rPh>
    <phoneticPr fontId="1"/>
  </si>
  <si>
    <t>小田原市立三の丸小学校</t>
  </si>
  <si>
    <t>250-0012</t>
  </si>
  <si>
    <t>小田原市本町1-12-49</t>
  </si>
  <si>
    <t>小田原市立新玉小学校</t>
  </si>
  <si>
    <t>250-0004</t>
  </si>
  <si>
    <t>小田原市浜町2-1-20</t>
  </si>
  <si>
    <t>小田原市立足柄小学校</t>
  </si>
  <si>
    <t>250-0001</t>
  </si>
  <si>
    <t>小田原市扇町3-21-7</t>
  </si>
  <si>
    <t>小田原市立芦子小学校</t>
  </si>
  <si>
    <t>小田原市扇町1-37-7</t>
  </si>
  <si>
    <t>小田原市立大窪小学校</t>
  </si>
  <si>
    <t>小田原市板橋985</t>
  </si>
  <si>
    <t>小田原市立早川小学校</t>
  </si>
  <si>
    <t>250-0021</t>
  </si>
  <si>
    <t>小田原市早川2-14-1</t>
  </si>
  <si>
    <t>小田原市立山王小学校</t>
  </si>
  <si>
    <t>250-0003</t>
  </si>
  <si>
    <t>小田原市東町2-9-1</t>
  </si>
  <si>
    <t>小田原市立久野小学校</t>
  </si>
  <si>
    <t>250-0055</t>
  </si>
  <si>
    <t>小田原市久野1561</t>
  </si>
  <si>
    <t>小田原市立富水小学校</t>
  </si>
  <si>
    <t>250-0854</t>
  </si>
  <si>
    <t>小田原市飯田岡481</t>
  </si>
  <si>
    <t>小田原市立町田小学校</t>
  </si>
  <si>
    <t>250-0002</t>
  </si>
  <si>
    <t>小田原市寿町2-7-25</t>
  </si>
  <si>
    <t>小田原市立下府中小学校</t>
  </si>
  <si>
    <t>256-0816</t>
  </si>
  <si>
    <t>小田原市酒匂930</t>
  </si>
  <si>
    <t>小田原市立桜井小学校</t>
  </si>
  <si>
    <t>250-0851</t>
  </si>
  <si>
    <t>小田原市曽比1943</t>
  </si>
  <si>
    <t>小田原市立千代小学校</t>
  </si>
  <si>
    <t>250-0215</t>
  </si>
  <si>
    <t>小田原市千代687</t>
  </si>
  <si>
    <t>小田原市立下曽我小学校</t>
  </si>
  <si>
    <t>250-0206</t>
  </si>
  <si>
    <t>小田原市曽我原333</t>
  </si>
  <si>
    <t>小田原市立国府津小学校</t>
  </si>
  <si>
    <t>256-0812</t>
  </si>
  <si>
    <t>小田原市国府津2485</t>
  </si>
  <si>
    <t>小田原市立酒匂小学校</t>
  </si>
  <si>
    <t>〃生沢分校</t>
    <rPh sb="1" eb="3">
      <t>イクサワ</t>
    </rPh>
    <rPh sb="3" eb="5">
      <t>ブンコウ</t>
    </rPh>
    <phoneticPr fontId="2"/>
  </si>
  <si>
    <t>小田原市酒匂5-15-3</t>
  </si>
  <si>
    <t>小田原市立片浦小学校</t>
  </si>
  <si>
    <t>250-0024</t>
  </si>
  <si>
    <t>小田原市立曽我小学校</t>
  </si>
  <si>
    <t>250-0201</t>
  </si>
  <si>
    <t>小田原市曽我大沢69</t>
  </si>
  <si>
    <t>小田原市立東富水小学校</t>
  </si>
  <si>
    <t>250-0866</t>
  </si>
  <si>
    <t>小田原市立矢作小学校</t>
  </si>
  <si>
    <t>250-0873</t>
  </si>
  <si>
    <t>小田原市矢作227</t>
  </si>
  <si>
    <t>小田原市立報徳小学校</t>
  </si>
  <si>
    <t>250-0858</t>
  </si>
  <si>
    <t>厚木市愛甲西1-17-1</t>
    <rPh sb="5" eb="6">
      <t>ニシ</t>
    </rPh>
    <phoneticPr fontId="1"/>
  </si>
  <si>
    <t>小田原市小台405</t>
  </si>
  <si>
    <t>小田原市立豊川小学校</t>
  </si>
  <si>
    <t>250-0862</t>
  </si>
  <si>
    <t>小田原市成田530-1</t>
  </si>
  <si>
    <t>小田原市立富士見小学校</t>
  </si>
  <si>
    <t>250-0875</t>
  </si>
  <si>
    <t>小田原市南鴨宮3-25-1</t>
  </si>
  <si>
    <t>小田原市立前羽小学校</t>
  </si>
  <si>
    <t>256-0813</t>
  </si>
  <si>
    <t>小田原市前川858</t>
  </si>
  <si>
    <t>小田原市立下中小学校</t>
  </si>
  <si>
    <t>256-0806</t>
  </si>
  <si>
    <t>小田原市小船178</t>
  </si>
  <si>
    <t>厚木市</t>
    <rPh sb="0" eb="3">
      <t>アツギシ</t>
    </rPh>
    <phoneticPr fontId="1"/>
  </si>
  <si>
    <t>厚木市立厚木小学校</t>
  </si>
  <si>
    <t>243-0003</t>
  </si>
  <si>
    <t>厚木市寿町3-15-34</t>
  </si>
  <si>
    <t>（本校23校）</t>
    <rPh sb="1" eb="3">
      <t>ホンコウ</t>
    </rPh>
    <rPh sb="5" eb="6">
      <t>コウ</t>
    </rPh>
    <phoneticPr fontId="1"/>
  </si>
  <si>
    <t>厚木市立依知南小学校</t>
  </si>
  <si>
    <t>243-0806</t>
  </si>
  <si>
    <t>厚木市立北小学校</t>
  </si>
  <si>
    <t>243-0803</t>
  </si>
  <si>
    <t>厚木市山際658</t>
  </si>
  <si>
    <t>厚木市立荻野小学校</t>
  </si>
  <si>
    <t>243-0201</t>
  </si>
  <si>
    <t>厚木市上荻野8</t>
  </si>
  <si>
    <t>厚木市立三田小学校</t>
  </si>
  <si>
    <t>243-0211</t>
  </si>
  <si>
    <t>厚木市三田515</t>
  </si>
  <si>
    <t>厚木市立清水小学校</t>
  </si>
  <si>
    <t>243-0815</t>
  </si>
  <si>
    <t>厚木市妻田西3-18-1</t>
  </si>
  <si>
    <t>243-0213</t>
  </si>
  <si>
    <t>厚木市立玉川小学校</t>
  </si>
  <si>
    <t>243-0121</t>
  </si>
  <si>
    <t>厚木市七沢150-1</t>
  </si>
  <si>
    <t>厚木市立南毛利小学校</t>
  </si>
  <si>
    <t>243-0036</t>
  </si>
  <si>
    <t>厚木市長谷1085</t>
  </si>
  <si>
    <t>厚木市立相川小学校</t>
  </si>
  <si>
    <t>243-0021</t>
  </si>
  <si>
    <t>厚木市岡田5-10-1</t>
  </si>
  <si>
    <t>厚木市立厚木第二小学校</t>
  </si>
  <si>
    <t>243-0014</t>
  </si>
  <si>
    <t>厚木市旭町5-38-1</t>
  </si>
  <si>
    <t>243-0041</t>
  </si>
  <si>
    <t>厚木市立戸室小学校</t>
  </si>
  <si>
    <t>243-0031</t>
  </si>
  <si>
    <t>厚木市戸室4-4-1</t>
  </si>
  <si>
    <t>厚木市立愛甲小学校</t>
  </si>
  <si>
    <t>厚木市立妻田小学校</t>
  </si>
  <si>
    <t>243-0814</t>
  </si>
  <si>
    <t>厚木市妻田南1-14-1</t>
  </si>
  <si>
    <t>厚木市立鳶尾小学校</t>
  </si>
  <si>
    <t>243-0204</t>
  </si>
  <si>
    <t>厚木市鳶尾2-12-1</t>
  </si>
  <si>
    <t>厚木市立毛利台小学校</t>
  </si>
  <si>
    <t>243-0037</t>
  </si>
  <si>
    <t>厚木市毛利台1-23-1</t>
  </si>
  <si>
    <t>厚木市立上荻野小学校</t>
  </si>
  <si>
    <t>厚木市上荻野1429</t>
  </si>
  <si>
    <t>厚木市立飯山小学校</t>
  </si>
  <si>
    <t>厚木市飯山4400</t>
  </si>
  <si>
    <t>厚木市立森の里小学校</t>
  </si>
  <si>
    <t>243-0122</t>
  </si>
  <si>
    <t>厚木市森の里1-27-1</t>
  </si>
  <si>
    <t>厚木市立依知小学校</t>
  </si>
  <si>
    <t>243-0804</t>
  </si>
  <si>
    <t>厚木市関口872-1</t>
  </si>
  <si>
    <t>厚木市立戸田小学校</t>
  </si>
  <si>
    <t>243-0023</t>
  </si>
  <si>
    <t>厚木市戸田545</t>
  </si>
  <si>
    <t>厚木市立上依知小学校</t>
  </si>
  <si>
    <t>243-0801</t>
  </si>
  <si>
    <t>厚木市上依知1657</t>
  </si>
  <si>
    <t>葉山町</t>
    <rPh sb="0" eb="2">
      <t>ハヤマ</t>
    </rPh>
    <rPh sb="2" eb="3">
      <t>チョウ</t>
    </rPh>
    <phoneticPr fontId="1"/>
  </si>
  <si>
    <t>葉山町立葉山小学校</t>
  </si>
  <si>
    <t>240-0112</t>
  </si>
  <si>
    <t>（本校4校）</t>
    <rPh sb="1" eb="3">
      <t>ホンコウ</t>
    </rPh>
    <rPh sb="4" eb="5">
      <t>コウ</t>
    </rPh>
    <phoneticPr fontId="1"/>
  </si>
  <si>
    <t>葉山町立上山口小学校</t>
  </si>
  <si>
    <t>240-0115</t>
  </si>
  <si>
    <t>葉山町立長柄小学校</t>
  </si>
  <si>
    <t>240-0113</t>
  </si>
  <si>
    <t>葉山町立一色小学校</t>
  </si>
  <si>
    <t>240-0111</t>
  </si>
  <si>
    <t>寒川町</t>
    <rPh sb="0" eb="3">
      <t>サムカワマチ</t>
    </rPh>
    <phoneticPr fontId="1"/>
  </si>
  <si>
    <t>寒川町立寒川小学校</t>
  </si>
  <si>
    <t>253-0106</t>
  </si>
  <si>
    <t>寒川町立一之宮小学校</t>
  </si>
  <si>
    <t>253-0111</t>
  </si>
  <si>
    <t>寒川町立旭小学校</t>
  </si>
  <si>
    <t>253-0101</t>
  </si>
  <si>
    <t>寒川町立小谷小学校</t>
  </si>
  <si>
    <t>253-0103</t>
  </si>
  <si>
    <t>寒川町立南小学校</t>
  </si>
  <si>
    <t>大磯町</t>
    <rPh sb="0" eb="2">
      <t>オオイソ</t>
    </rPh>
    <rPh sb="2" eb="3">
      <t>マチ</t>
    </rPh>
    <phoneticPr fontId="1"/>
  </si>
  <si>
    <t>大磯町立大磯小学校</t>
  </si>
  <si>
    <t>255-0004</t>
  </si>
  <si>
    <t>大磯町立国府小学校</t>
  </si>
  <si>
    <t>259-0114</t>
  </si>
  <si>
    <t>分校1校）</t>
    <rPh sb="0" eb="2">
      <t>ブンコウ</t>
    </rPh>
    <rPh sb="3" eb="4">
      <t>コウ</t>
    </rPh>
    <phoneticPr fontId="1"/>
  </si>
  <si>
    <t>二宮町</t>
    <rPh sb="0" eb="2">
      <t>ニノミヤ</t>
    </rPh>
    <rPh sb="2" eb="3">
      <t>マチ</t>
    </rPh>
    <phoneticPr fontId="1"/>
  </si>
  <si>
    <t>二宮町立二宮小学校</t>
  </si>
  <si>
    <t>二宮町立一色小学校</t>
  </si>
  <si>
    <t>259-0133</t>
  </si>
  <si>
    <t>開成町立開成南小学校</t>
    <rPh sb="6" eb="7">
      <t>ミナミ</t>
    </rPh>
    <phoneticPr fontId="1"/>
  </si>
  <si>
    <t>二宮町立山西小学校</t>
  </si>
  <si>
    <t>259-0124</t>
  </si>
  <si>
    <t>中井町</t>
    <rPh sb="0" eb="3">
      <t>ナカイマチ</t>
    </rPh>
    <phoneticPr fontId="1"/>
  </si>
  <si>
    <t>中井町立中村小学校</t>
  </si>
  <si>
    <t>259-0144</t>
  </si>
  <si>
    <t>中井町立井ノ口小学校</t>
  </si>
  <si>
    <t>259-0151</t>
  </si>
  <si>
    <t>大井町</t>
    <rPh sb="0" eb="2">
      <t>オオイ</t>
    </rPh>
    <rPh sb="2" eb="3">
      <t>マチ</t>
    </rPh>
    <phoneticPr fontId="1"/>
  </si>
  <si>
    <t>大井町立大井小学校</t>
  </si>
  <si>
    <t>258-0019</t>
  </si>
  <si>
    <t>大井町立相和小学校</t>
  </si>
  <si>
    <t>258-0015</t>
  </si>
  <si>
    <t>大井町立上大井小学校</t>
  </si>
  <si>
    <t>258-0016</t>
  </si>
  <si>
    <t>松田町</t>
    <rPh sb="0" eb="3">
      <t>マツダマチ</t>
    </rPh>
    <phoneticPr fontId="1"/>
  </si>
  <si>
    <t>松田町立松田小学校</t>
  </si>
  <si>
    <t>258-0004</t>
  </si>
  <si>
    <t>松田町立寄小学校</t>
  </si>
  <si>
    <t>258-0001</t>
  </si>
  <si>
    <t>山北町立川村小学校</t>
  </si>
  <si>
    <t>258-0113</t>
  </si>
  <si>
    <t>開成町</t>
    <rPh sb="0" eb="3">
      <t>カイセイチョウ</t>
    </rPh>
    <phoneticPr fontId="1"/>
  </si>
  <si>
    <t>開成町立開成小学校</t>
  </si>
  <si>
    <t>258-0026</t>
  </si>
  <si>
    <t>箱根町</t>
    <rPh sb="0" eb="3">
      <t>ハコネマチ</t>
    </rPh>
    <phoneticPr fontId="1"/>
  </si>
  <si>
    <t>箱根町立湯本小学校</t>
  </si>
  <si>
    <t>250-0311</t>
  </si>
  <si>
    <t>箱根町立箱根の森小学校</t>
  </si>
  <si>
    <t>箱根町立仙石原小学校</t>
  </si>
  <si>
    <t>真鶴町立まなづる小学校</t>
  </si>
  <si>
    <t>259-0201</t>
  </si>
  <si>
    <t>湯河原町</t>
    <rPh sb="0" eb="4">
      <t>ユガワラマチ</t>
    </rPh>
    <phoneticPr fontId="1"/>
  </si>
  <si>
    <t>湯河原町立湯河原小学校</t>
  </si>
  <si>
    <t>259-0314</t>
  </si>
  <si>
    <t>湯河原町立吉浜小学校</t>
  </si>
  <si>
    <t>259-0312</t>
  </si>
  <si>
    <t>湯河原町立東台福浦小学校</t>
  </si>
  <si>
    <t>愛川町</t>
    <rPh sb="0" eb="3">
      <t>アイカワマチ</t>
    </rPh>
    <phoneticPr fontId="1"/>
  </si>
  <si>
    <t>愛川町立中津小学校</t>
  </si>
  <si>
    <t>243-0303</t>
  </si>
  <si>
    <t>愛川町立高峰小学校</t>
  </si>
  <si>
    <t>243-0308</t>
  </si>
  <si>
    <t>愛川町立田代小学校</t>
  </si>
  <si>
    <t>243-0306</t>
  </si>
  <si>
    <t>愛川町立半原小学校</t>
  </si>
  <si>
    <t>243-0307</t>
  </si>
  <si>
    <t>愛川町立中津第二小学校</t>
  </si>
  <si>
    <t>243-0302</t>
  </si>
  <si>
    <t>愛川町立菅原小学校</t>
  </si>
  <si>
    <t>清川村</t>
    <rPh sb="0" eb="2">
      <t>キヨカワ</t>
    </rPh>
    <rPh sb="2" eb="3">
      <t>ムラ</t>
    </rPh>
    <phoneticPr fontId="1"/>
  </si>
  <si>
    <t>243-0111</t>
  </si>
  <si>
    <t>（本校2校）</t>
    <rPh sb="1" eb="3">
      <t>ホンコウ</t>
    </rPh>
    <rPh sb="4" eb="5">
      <t>コウ</t>
    </rPh>
    <phoneticPr fontId="1"/>
  </si>
  <si>
    <t>（本校13校）</t>
    <rPh sb="1" eb="3">
      <t>ホンコウ</t>
    </rPh>
    <rPh sb="5" eb="6">
      <t>コウ</t>
    </rPh>
    <phoneticPr fontId="1"/>
  </si>
  <si>
    <t>横須賀市</t>
    <rPh sb="0" eb="4">
      <t>ヨコスカシ</t>
    </rPh>
    <phoneticPr fontId="1"/>
  </si>
  <si>
    <t>237-0067</t>
  </si>
  <si>
    <t>横須賀市鷹取2-16-1</t>
  </si>
  <si>
    <t>横須賀市立夏島小学校</t>
  </si>
  <si>
    <t>237-0062</t>
  </si>
  <si>
    <t>横須賀市浦郷町4-35</t>
  </si>
  <si>
    <t>横須賀市立浦郷小学校</t>
  </si>
  <si>
    <t>237-0063</t>
  </si>
  <si>
    <t>横須賀市追浜東町2-14</t>
  </si>
  <si>
    <t>横須賀市立鷹取小学校</t>
  </si>
  <si>
    <t>237-0066</t>
  </si>
  <si>
    <t>横須賀市湘南鷹取4-7-1</t>
  </si>
  <si>
    <t>横須賀市立船越小学校</t>
  </si>
  <si>
    <t>237-0076</t>
  </si>
  <si>
    <t>横須賀市船越町5-34</t>
  </si>
  <si>
    <t>横須賀市立田浦小学校</t>
  </si>
  <si>
    <t>237-0075</t>
  </si>
  <si>
    <t>横須賀市田浦町3-55</t>
  </si>
  <si>
    <t>横須賀市立長浦小学校</t>
  </si>
  <si>
    <t>238-0048</t>
  </si>
  <si>
    <t>横須賀市安針台3-1</t>
  </si>
  <si>
    <t>横須賀市立逸見小学校</t>
  </si>
  <si>
    <t>238-0046</t>
  </si>
  <si>
    <t>横須賀市西逸見町1-14</t>
  </si>
  <si>
    <t>横須賀市立沢山小学校</t>
  </si>
  <si>
    <t>238-0045</t>
  </si>
  <si>
    <t>横須賀市東逸見町3-35</t>
  </si>
  <si>
    <t>横須賀市立桜小学校</t>
  </si>
  <si>
    <t>238-0043</t>
  </si>
  <si>
    <t>横須賀市坂本町1-19</t>
  </si>
  <si>
    <t>横須賀市立汐入小学校</t>
  </si>
  <si>
    <t>238-0042</t>
  </si>
  <si>
    <t>横須賀市汐入町2-53</t>
  </si>
  <si>
    <t>横須賀市立諏訪小学校</t>
  </si>
  <si>
    <t>238-0004</t>
  </si>
  <si>
    <t>横須賀市小川町18</t>
  </si>
  <si>
    <t>横須賀市立田戸小学校</t>
  </si>
  <si>
    <t>238-0011</t>
  </si>
  <si>
    <t>横須賀市米が浜通2-12</t>
  </si>
  <si>
    <t>横須賀市立山崎小学校</t>
  </si>
  <si>
    <t>238-0014</t>
  </si>
  <si>
    <t>横須賀市三春町6-4</t>
  </si>
  <si>
    <t>横須賀市立豊島小学校</t>
  </si>
  <si>
    <t>238-0017</t>
  </si>
  <si>
    <t>横須賀市上町3-21</t>
  </si>
  <si>
    <t>横須賀市立鶴久保小学校</t>
  </si>
  <si>
    <t>238-0051</t>
  </si>
  <si>
    <t>横須賀市不入斗町1-1</t>
  </si>
  <si>
    <t>横須賀市立公郷小学校</t>
  </si>
  <si>
    <t>238-0022</t>
  </si>
  <si>
    <t>横須賀市公郷町4-5</t>
  </si>
  <si>
    <t>横須賀市立池上小学校</t>
  </si>
  <si>
    <t>238-0035</t>
  </si>
  <si>
    <t>横須賀市池上3-5-1</t>
  </si>
  <si>
    <t>横須賀市立城北小学校</t>
  </si>
  <si>
    <t>238-0032</t>
  </si>
  <si>
    <t>横須賀市平作1-6-1</t>
  </si>
  <si>
    <t>横須賀市立衣笠小学校</t>
  </si>
  <si>
    <t>238-0026</t>
  </si>
  <si>
    <t>横須賀市小矢部2-16-1</t>
  </si>
  <si>
    <t>横須賀市立大矢部小学校</t>
  </si>
  <si>
    <t>238-0024</t>
  </si>
  <si>
    <t>横須賀市大矢部3-26-1</t>
  </si>
  <si>
    <t>横須賀市立森崎小学校</t>
  </si>
  <si>
    <t>238-0023</t>
  </si>
  <si>
    <t>横須賀市森崎3-13-1</t>
  </si>
  <si>
    <t>横須賀市立大津小学校</t>
  </si>
  <si>
    <t>239-0808</t>
  </si>
  <si>
    <t>横須賀市大津町3-24-1</t>
  </si>
  <si>
    <t>横須賀市立根岸小学校</t>
  </si>
  <si>
    <t>横須賀市大津町5-5-1</t>
  </si>
  <si>
    <t>横須賀市立走水小学校</t>
  </si>
  <si>
    <t>239-0811</t>
  </si>
  <si>
    <t>横須賀市走水2-2-2</t>
  </si>
  <si>
    <t>横須賀市立馬堀小学校</t>
  </si>
  <si>
    <t>239-0802</t>
  </si>
  <si>
    <t>横須賀市馬堀町4-10-1</t>
  </si>
  <si>
    <t>横須賀市立望洋小学校</t>
  </si>
  <si>
    <t>239-0803</t>
  </si>
  <si>
    <t>横須賀市桜が丘1-50-1</t>
  </si>
  <si>
    <t>横須賀市立大塚台小学校</t>
  </si>
  <si>
    <t>横須賀市池田町3-1-1</t>
  </si>
  <si>
    <t>横須賀市立浦賀小学校</t>
  </si>
  <si>
    <t>239-0822</t>
  </si>
  <si>
    <t>横須賀市浦賀3-8-1</t>
  </si>
  <si>
    <t>239-0812</t>
  </si>
  <si>
    <t>横須賀市小原台3-1</t>
  </si>
  <si>
    <t>239-0813</t>
  </si>
  <si>
    <t>横須賀市立鴨居小学校</t>
  </si>
  <si>
    <t>横須賀市鴨居3-1-6</t>
  </si>
  <si>
    <t>横須賀市立高坂小学校</t>
  </si>
  <si>
    <t>239-0824</t>
  </si>
  <si>
    <t>横須賀市立岩戸小学校</t>
  </si>
  <si>
    <t>239-0844</t>
  </si>
  <si>
    <t>横須賀市岩戸5-20-1</t>
  </si>
  <si>
    <t>横須賀市立久里浜小学校</t>
  </si>
  <si>
    <t>239-0831</t>
  </si>
  <si>
    <t>横須賀市久里浜6-6-1</t>
  </si>
  <si>
    <t>横須賀市立明浜小学校</t>
  </si>
  <si>
    <t>横須賀市久里浜6-7-1</t>
  </si>
  <si>
    <t>横須賀市立神明小学校</t>
  </si>
  <si>
    <t>239-0832</t>
  </si>
  <si>
    <t>横須賀市神明町407</t>
  </si>
  <si>
    <t>横須賀市立粟田小学校</t>
  </si>
  <si>
    <t>239-0833</t>
  </si>
  <si>
    <t>横須賀市ハイランド2-41-1</t>
  </si>
  <si>
    <t>横須賀市立野比小学校</t>
  </si>
  <si>
    <t>239-0841</t>
  </si>
  <si>
    <t>横須賀市野比1-25-1</t>
  </si>
  <si>
    <t>横須賀市立野比東小学校</t>
  </si>
  <si>
    <t>横須賀市野比4-6-1</t>
  </si>
  <si>
    <t>横須賀市立北下浦小学校</t>
  </si>
  <si>
    <t>239-0842</t>
  </si>
  <si>
    <t>横須賀市長沢1-29-1</t>
  </si>
  <si>
    <t>横須賀市立津久井小学校</t>
  </si>
  <si>
    <t>239-0843</t>
  </si>
  <si>
    <t>横須賀市津久井5-2-1</t>
  </si>
  <si>
    <t>横須賀市立長井小学校</t>
  </si>
  <si>
    <t>238-0316</t>
  </si>
  <si>
    <t>横須賀市長井5-9-1</t>
  </si>
  <si>
    <t>横須賀市立富士見小学校</t>
  </si>
  <si>
    <t>238-0313</t>
  </si>
  <si>
    <t>横須賀市武3-19-1</t>
  </si>
  <si>
    <t>横須賀市立武山小学校</t>
  </si>
  <si>
    <t>238-0311</t>
  </si>
  <si>
    <t>横須賀市太田和3-1-1</t>
  </si>
  <si>
    <t>横須賀市立荻野小学校</t>
  </si>
  <si>
    <t>240-0102</t>
  </si>
  <si>
    <t>横須賀市荻野8-1</t>
  </si>
  <si>
    <t>横須賀市立大楠小学校</t>
  </si>
  <si>
    <t>240-0104</t>
  </si>
  <si>
    <t>横須賀市芦名1-29-18</t>
  </si>
  <si>
    <t>藤沢市</t>
    <rPh sb="0" eb="3">
      <t>フジサワシ</t>
    </rPh>
    <phoneticPr fontId="1"/>
  </si>
  <si>
    <t>藤沢市立藤沢小学校</t>
    <rPh sb="0" eb="4">
      <t>フジサワシリツ</t>
    </rPh>
    <rPh sb="4" eb="6">
      <t>フジサワ</t>
    </rPh>
    <phoneticPr fontId="2"/>
  </si>
  <si>
    <t>（本校35校）</t>
    <rPh sb="1" eb="3">
      <t>ホンコウ</t>
    </rPh>
    <rPh sb="5" eb="6">
      <t>コウ</t>
    </rPh>
    <phoneticPr fontId="1"/>
  </si>
  <si>
    <t>藤沢市立明治小学校</t>
    <rPh sb="0" eb="4">
      <t>フジサワシリツ</t>
    </rPh>
    <phoneticPr fontId="1"/>
  </si>
  <si>
    <t>251-0057</t>
  </si>
  <si>
    <t>藤沢市城南3-3-1</t>
  </si>
  <si>
    <t>藤沢市立鵠沼小学校</t>
    <rPh sb="0" eb="4">
      <t>フジサワシリツ</t>
    </rPh>
    <phoneticPr fontId="1"/>
  </si>
  <si>
    <t>251-0028</t>
  </si>
  <si>
    <t>藤沢市本鵠沼5-4-23</t>
  </si>
  <si>
    <t>藤沢市立本町小学校</t>
    <rPh sb="0" eb="4">
      <t>フジサワシリツ</t>
    </rPh>
    <phoneticPr fontId="1"/>
  </si>
  <si>
    <t>251-0053</t>
  </si>
  <si>
    <t>藤沢市本町2-6-17</t>
  </si>
  <si>
    <t>藤沢市立村岡小学校</t>
    <rPh sb="0" eb="4">
      <t>フジサワシリツ</t>
    </rPh>
    <phoneticPr fontId="1"/>
  </si>
  <si>
    <t>251-0016</t>
  </si>
  <si>
    <t>藤沢市弥勒寺1-16-1</t>
  </si>
  <si>
    <t>藤沢市立六会小学校</t>
    <rPh sb="0" eb="4">
      <t>フジサワシリツ</t>
    </rPh>
    <phoneticPr fontId="1"/>
  </si>
  <si>
    <t>藤沢市亀井野550</t>
  </si>
  <si>
    <t>藤沢市立辻堂小学校</t>
    <rPh sb="0" eb="4">
      <t>フジサワシリツ</t>
    </rPh>
    <phoneticPr fontId="1"/>
  </si>
  <si>
    <t>251-0045</t>
  </si>
  <si>
    <t>藤沢市辻堂東海岸1-17-1</t>
  </si>
  <si>
    <t>藤沢市立鵠洋小学校</t>
    <rPh sb="0" eb="4">
      <t>フジサワシリツ</t>
    </rPh>
    <phoneticPr fontId="1"/>
  </si>
  <si>
    <t>251-0027</t>
  </si>
  <si>
    <t>藤沢市鵠沼桜が岡3-16-38</t>
  </si>
  <si>
    <t>藤沢市立片瀬小学校</t>
    <rPh sb="0" eb="4">
      <t>フジサワシリツ</t>
    </rPh>
    <phoneticPr fontId="1"/>
  </si>
  <si>
    <t>251-0032</t>
  </si>
  <si>
    <t>藤沢市片瀬2-14-29</t>
  </si>
  <si>
    <t>藤沢市立大道小学校</t>
    <rPh sb="0" eb="4">
      <t>フジサワシリツ</t>
    </rPh>
    <phoneticPr fontId="1"/>
  </si>
  <si>
    <t>251-0054</t>
  </si>
  <si>
    <t>藤沢市朝日町3-3</t>
  </si>
  <si>
    <t>藤沢市立秋葉台小学校</t>
    <rPh sb="0" eb="4">
      <t>フジサワシリツ</t>
    </rPh>
    <phoneticPr fontId="1"/>
  </si>
  <si>
    <t>藤沢市遠藤2959</t>
  </si>
  <si>
    <t>藤沢市立御所見小学校</t>
    <rPh sb="0" eb="4">
      <t>フジサワシリツ</t>
    </rPh>
    <phoneticPr fontId="1"/>
  </si>
  <si>
    <t>252-0824</t>
  </si>
  <si>
    <t>藤沢市打戻1902</t>
  </si>
  <si>
    <t>藤沢市立長後小学校</t>
    <rPh sb="0" eb="4">
      <t>フジサワシリツ</t>
    </rPh>
    <phoneticPr fontId="1"/>
  </si>
  <si>
    <t>252-0801</t>
  </si>
  <si>
    <t>藤沢市長後770</t>
  </si>
  <si>
    <t>藤沢市立八松小学校</t>
  </si>
  <si>
    <t>251-0043</t>
  </si>
  <si>
    <t>藤沢市辻堂元町3-1-6</t>
  </si>
  <si>
    <t>藤沢市立高砂小学校</t>
  </si>
  <si>
    <t>251-0046</t>
  </si>
  <si>
    <t>藤沢市辻堂西海岸1-3-1</t>
  </si>
  <si>
    <t>藤沢市立善行小学校</t>
  </si>
  <si>
    <t>251-0877</t>
  </si>
  <si>
    <t>藤沢市善行団地6-1</t>
  </si>
  <si>
    <t>藤沢市立富士見台小学校</t>
  </si>
  <si>
    <t>252-0807</t>
  </si>
  <si>
    <t>藤沢市下土棚591-1</t>
  </si>
  <si>
    <t>藤沢市立鵠南小学校</t>
  </si>
  <si>
    <t>251-0037</t>
  </si>
  <si>
    <t>藤沢市鵠沼海岸4-7-34</t>
  </si>
  <si>
    <t>藤沢市立浜見小学校</t>
  </si>
  <si>
    <t>藤沢市辻堂西海岸1-4-1</t>
  </si>
  <si>
    <t>藤沢市立俣野小学校</t>
  </si>
  <si>
    <t>藤沢市西俣野2660</t>
  </si>
  <si>
    <t>藤沢市立大越小学校</t>
  </si>
  <si>
    <t>251-0876</t>
  </si>
  <si>
    <t>藤沢市善行坂1-19-1</t>
  </si>
  <si>
    <t>藤沢市立羽鳥小学校</t>
  </si>
  <si>
    <t>251-0056</t>
  </si>
  <si>
    <t>藤沢市羽鳥3-11-1</t>
  </si>
  <si>
    <t>藤沢市立湘南台小学校</t>
  </si>
  <si>
    <t>252-0804</t>
  </si>
  <si>
    <t>藤沢市湘南台5-23</t>
  </si>
  <si>
    <t>藤沢市立大庭小学校</t>
  </si>
  <si>
    <t>251-0861</t>
  </si>
  <si>
    <t>藤沢市大庭5307-7</t>
  </si>
  <si>
    <t>藤沢市立亀井野小学校</t>
  </si>
  <si>
    <t>252-0813</t>
  </si>
  <si>
    <t>藤沢市亀井野3-31</t>
  </si>
  <si>
    <t>藤沢市立新林小学校</t>
  </si>
  <si>
    <t>251-0015</t>
  </si>
  <si>
    <t>藤沢市川名400</t>
  </si>
  <si>
    <t>茅ヶ崎市立汐見台小学校</t>
    <rPh sb="0" eb="5">
      <t>チガサキシリツ</t>
    </rPh>
    <rPh sb="5" eb="8">
      <t>シオミダイ</t>
    </rPh>
    <rPh sb="8" eb="11">
      <t>ショウガッコウ</t>
    </rPh>
    <phoneticPr fontId="1"/>
  </si>
  <si>
    <t>藤沢市立中里小学校</t>
  </si>
  <si>
    <t>252-0825</t>
  </si>
  <si>
    <t>藤沢市獺郷68</t>
  </si>
  <si>
    <t>藤沢市立滝の沢小学校</t>
  </si>
  <si>
    <t>252-0816</t>
  </si>
  <si>
    <t>藤沢市遠藤641-3</t>
  </si>
  <si>
    <t>藤沢市立大鋸小学校</t>
  </si>
  <si>
    <t>251-0002</t>
  </si>
  <si>
    <t>藤沢市大鋸1020</t>
  </si>
  <si>
    <t>藤沢市立天神小学校</t>
  </si>
  <si>
    <t>252-0814</t>
  </si>
  <si>
    <t>藤沢市天神町1-1</t>
  </si>
  <si>
    <t>藤沢市立駒寄小学校</t>
  </si>
  <si>
    <t>藤沢市大庭5527-2</t>
  </si>
  <si>
    <t>藤沢市立高谷小学校</t>
  </si>
  <si>
    <t>251-0017</t>
  </si>
  <si>
    <t>藤沢市高谷9-1</t>
  </si>
  <si>
    <t>藤沢市大庭5062-1</t>
  </si>
  <si>
    <t>藤沢市立大清水小学校</t>
  </si>
  <si>
    <t>藤沢市大鋸1433</t>
  </si>
  <si>
    <t>藤沢市立石川小学校</t>
  </si>
  <si>
    <t>252-0815</t>
  </si>
  <si>
    <t>藤沢市石川4-19-1</t>
  </si>
  <si>
    <t>鎌倉市</t>
    <rPh sb="0" eb="3">
      <t>カマクラシ</t>
    </rPh>
    <phoneticPr fontId="1"/>
  </si>
  <si>
    <t>鎌倉市立第一小学校</t>
  </si>
  <si>
    <t>248-0014</t>
  </si>
  <si>
    <t>鎌倉市立第二小学校</t>
  </si>
  <si>
    <t>248-0002</t>
  </si>
  <si>
    <t>鎌倉市二階堂878</t>
  </si>
  <si>
    <t>鎌倉市立御成小学校</t>
  </si>
  <si>
    <t>248-0012</t>
  </si>
  <si>
    <t>鎌倉市御成町19-1</t>
  </si>
  <si>
    <t>248-0023</t>
  </si>
  <si>
    <t>鎌倉市極楽寺3-2-3</t>
  </si>
  <si>
    <t>鎌倉市立腰越小学校</t>
  </si>
  <si>
    <t>248-0033</t>
  </si>
  <si>
    <t>鎌倉市腰越5-7-1</t>
  </si>
  <si>
    <t>鎌倉市立深沢小学校</t>
  </si>
  <si>
    <t>247-0063</t>
  </si>
  <si>
    <t>鎌倉市梶原1-11-1</t>
  </si>
  <si>
    <t>鎌倉市立小坂小学校</t>
  </si>
  <si>
    <t>247-0055</t>
  </si>
  <si>
    <t>鎌倉市小袋谷587</t>
  </si>
  <si>
    <t>鎌倉市立玉縄小学校</t>
  </si>
  <si>
    <t>247-0071</t>
  </si>
  <si>
    <t>鎌倉市玉縄1-860</t>
  </si>
  <si>
    <t>鎌倉市立大船小学校</t>
  </si>
  <si>
    <t>247-0056</t>
  </si>
  <si>
    <t>鎌倉市大船2-8-1</t>
  </si>
  <si>
    <t>鎌倉市立山崎小学校</t>
  </si>
  <si>
    <t>247-0066</t>
  </si>
  <si>
    <t>鎌倉市山崎2500</t>
  </si>
  <si>
    <t>鎌倉市立今泉小学校</t>
  </si>
  <si>
    <t>247-0052</t>
  </si>
  <si>
    <t>鎌倉市今泉2-13-1</t>
  </si>
  <si>
    <t>鎌倉市立西鎌倉小学校</t>
  </si>
  <si>
    <t>248-0032</t>
  </si>
  <si>
    <t>鎌倉市津1069</t>
  </si>
  <si>
    <t>鎌倉市立七里ガ浜小学校</t>
  </si>
  <si>
    <t>248-0025</t>
  </si>
  <si>
    <t>鎌倉市七里ガ浜東5-3-2</t>
  </si>
  <si>
    <t>鎌倉市立富士塚小学校</t>
  </si>
  <si>
    <t>247-0065</t>
  </si>
  <si>
    <t>鎌倉市上町屋810</t>
  </si>
  <si>
    <t>鎌倉市立関谷小学校</t>
  </si>
  <si>
    <t>247-0075</t>
  </si>
  <si>
    <t>鎌倉市立植木小学校</t>
  </si>
  <si>
    <t>247-0073</t>
  </si>
  <si>
    <t>鎌倉市植木1</t>
  </si>
  <si>
    <t>茅ヶ崎市</t>
    <rPh sb="0" eb="3">
      <t>チガサキ</t>
    </rPh>
    <rPh sb="3" eb="4">
      <t>シ</t>
    </rPh>
    <phoneticPr fontId="1"/>
  </si>
  <si>
    <t>茅ヶ崎市立茅ヶ崎小学校</t>
  </si>
  <si>
    <t>253-0056</t>
  </si>
  <si>
    <t>茅ヶ崎市共恵1-10-23</t>
  </si>
  <si>
    <t>茅ヶ崎市立鶴嶺小学校</t>
  </si>
  <si>
    <t>253-0086</t>
  </si>
  <si>
    <t>茅ヶ崎市浜之郷477</t>
  </si>
  <si>
    <t>茅ヶ崎市立松林小学校</t>
  </si>
  <si>
    <t>253-0011</t>
  </si>
  <si>
    <t>茅ヶ崎市菱沼1-1-1</t>
  </si>
  <si>
    <t>茅ヶ崎市立西浜小学校</t>
  </si>
  <si>
    <t>253-0061</t>
  </si>
  <si>
    <t>茅ヶ崎市南湖6-5-8</t>
  </si>
  <si>
    <t>253-0008</t>
  </si>
  <si>
    <t>茅ヶ崎市芹沢944</t>
  </si>
  <si>
    <t>茅ヶ崎市立松浪小学校</t>
  </si>
  <si>
    <t>253-0022</t>
  </si>
  <si>
    <t>茅ヶ崎市松浪1-1-61</t>
  </si>
  <si>
    <t>茅ヶ崎市立梅田小学校</t>
  </si>
  <si>
    <t>253-0041</t>
  </si>
  <si>
    <t>茅ヶ崎市立香川小学校</t>
  </si>
  <si>
    <t>253-0082</t>
  </si>
  <si>
    <t>茅ヶ崎市香川1-33-1</t>
  </si>
  <si>
    <t>茅ヶ崎市立浜須賀小学校</t>
  </si>
  <si>
    <t>茅ヶ崎市白浜町3-1</t>
  </si>
  <si>
    <t>茅ヶ崎市立鶴が台小学校</t>
  </si>
  <si>
    <t>253-0003</t>
  </si>
  <si>
    <t>茅ヶ崎市鶴が台12-1</t>
  </si>
  <si>
    <t>茅ヶ崎市立柳島小学校</t>
  </si>
  <si>
    <t>253-0064</t>
  </si>
  <si>
    <t>茅ヶ崎市柳島1594</t>
  </si>
  <si>
    <t>253-0012</t>
  </si>
  <si>
    <t>茅ヶ崎市小和田3-10-1</t>
  </si>
  <si>
    <t>茅ヶ崎市立円蔵小学校</t>
  </si>
  <si>
    <t>253-0084</t>
  </si>
  <si>
    <t>茅ヶ崎市円蔵1-13-1</t>
  </si>
  <si>
    <t>茅ヶ崎市立今宿小学校</t>
  </si>
  <si>
    <t>253-0072</t>
  </si>
  <si>
    <t>茅ヶ崎市今宿192</t>
  </si>
  <si>
    <t>茅ヶ崎市立室田小学校</t>
  </si>
  <si>
    <t>253-0018</t>
  </si>
  <si>
    <t>茅ヶ崎市室田1-1-1</t>
  </si>
  <si>
    <t>茅ヶ崎市立東海岸小学校</t>
  </si>
  <si>
    <t>253-0054</t>
  </si>
  <si>
    <t>茅ヶ崎市東海岸南4-10-1</t>
  </si>
  <si>
    <t>茅ヶ崎市立浜之郷小学校</t>
  </si>
  <si>
    <t>茅ヶ崎市浜之郷90</t>
  </si>
  <si>
    <t>茅ヶ崎市立緑が浜小学校</t>
  </si>
  <si>
    <t>253-0034</t>
  </si>
  <si>
    <t>茅ヶ崎市緑が浜1-1</t>
  </si>
  <si>
    <t>逗子市</t>
    <rPh sb="0" eb="3">
      <t>ズシシ</t>
    </rPh>
    <phoneticPr fontId="1"/>
  </si>
  <si>
    <t>逗子市立逗子小学校</t>
  </si>
  <si>
    <t>249-0006</t>
  </si>
  <si>
    <t>逗子市逗子4-2-45</t>
  </si>
  <si>
    <t>（本校5校）</t>
    <rPh sb="1" eb="3">
      <t>ホンコウ</t>
    </rPh>
    <rPh sb="4" eb="5">
      <t>コウ</t>
    </rPh>
    <phoneticPr fontId="1"/>
  </si>
  <si>
    <t>逗子市立沼間小学校</t>
  </si>
  <si>
    <t>逗子市立久木小学校</t>
  </si>
  <si>
    <t>249-0001</t>
  </si>
  <si>
    <t>逗子市久木2-1-1</t>
  </si>
  <si>
    <t>逗子市立小坪小学校</t>
  </si>
  <si>
    <t>249-0008</t>
  </si>
  <si>
    <t>逗子市小坪3-6-1</t>
  </si>
  <si>
    <t>逗子市立池子小学校</t>
  </si>
  <si>
    <t>249-0003</t>
  </si>
  <si>
    <t>逗子市池子3-9-1</t>
  </si>
  <si>
    <t>三浦市</t>
    <rPh sb="0" eb="2">
      <t>ミウラ</t>
    </rPh>
    <rPh sb="2" eb="3">
      <t>シ</t>
    </rPh>
    <phoneticPr fontId="1"/>
  </si>
  <si>
    <t>三浦市立三崎小学校</t>
  </si>
  <si>
    <t>238-0243</t>
  </si>
  <si>
    <t>三浦市三崎1-20-32</t>
  </si>
  <si>
    <t>三浦市立岬陽小学校</t>
  </si>
  <si>
    <t>238-0222</t>
  </si>
  <si>
    <t>三浦市岬陽町10-1</t>
  </si>
  <si>
    <t>三浦市立南下浦小学校</t>
  </si>
  <si>
    <t>238-0102</t>
  </si>
  <si>
    <t>三浦市南下浦町菊名1096</t>
  </si>
  <si>
    <t>三浦市立上宮田小学校</t>
  </si>
  <si>
    <t>238-0101</t>
  </si>
  <si>
    <t>市町村</t>
    <rPh sb="0" eb="3">
      <t>シチョウソン</t>
    </rPh>
    <phoneticPr fontId="1"/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（本校19校）</t>
    <rPh sb="1" eb="3">
      <t>ホンコウ</t>
    </rPh>
    <rPh sb="5" eb="6">
      <t>コウ</t>
    </rPh>
    <phoneticPr fontId="1"/>
  </si>
  <si>
    <t>（本校8校）</t>
    <rPh sb="1" eb="3">
      <t>ホンコウ</t>
    </rPh>
    <rPh sb="4" eb="5">
      <t>コウ</t>
    </rPh>
    <phoneticPr fontId="1"/>
  </si>
  <si>
    <t>（本校16校）</t>
    <rPh sb="1" eb="3">
      <t>ホンコウ</t>
    </rPh>
    <rPh sb="5" eb="6">
      <t>コウ</t>
    </rPh>
    <phoneticPr fontId="1"/>
  </si>
  <si>
    <t>（本校25校）</t>
    <rPh sb="1" eb="3">
      <t>ホンコウ</t>
    </rPh>
    <rPh sb="5" eb="6">
      <t>コウ</t>
    </rPh>
    <phoneticPr fontId="1"/>
  </si>
  <si>
    <t>真鶴町（本校1校）</t>
    <rPh sb="0" eb="2">
      <t>マナヅル</t>
    </rPh>
    <rPh sb="2" eb="3">
      <t>マチ</t>
    </rPh>
    <rPh sb="4" eb="6">
      <t>ホンコウ</t>
    </rPh>
    <rPh sb="7" eb="8">
      <t>コウ</t>
    </rPh>
    <phoneticPr fontId="1"/>
  </si>
  <si>
    <t>厚木市立緑ケ丘小学校</t>
    <rPh sb="6" eb="7">
      <t>オカ</t>
    </rPh>
    <phoneticPr fontId="1"/>
  </si>
  <si>
    <t>(046)865-2231</t>
  </si>
  <si>
    <t>(046)865-3616</t>
  </si>
  <si>
    <t>(046)865-3921</t>
  </si>
  <si>
    <t>(046)866-1700</t>
  </si>
  <si>
    <t>(046)861-1253</t>
  </si>
  <si>
    <t>(046)861-1251</t>
  </si>
  <si>
    <t>(046)823-2324</t>
  </si>
  <si>
    <t>(046)822-0201</t>
  </si>
  <si>
    <t>(046)822-0057</t>
  </si>
  <si>
    <t>(046)822-3707</t>
  </si>
  <si>
    <t>(046)822-0166</t>
  </si>
  <si>
    <t>(046)822-0058</t>
  </si>
  <si>
    <t>(046)822-0212</t>
  </si>
  <si>
    <t>(046)822-0059</t>
  </si>
  <si>
    <t>(046)822-0105</t>
  </si>
  <si>
    <t>(046)824-0974</t>
  </si>
  <si>
    <t>(046)851-0029</t>
  </si>
  <si>
    <t>(046)851-0447</t>
  </si>
  <si>
    <t>(046)851-2210</t>
  </si>
  <si>
    <t>(046)851-0334</t>
  </si>
  <si>
    <t>(046)834-7200</t>
  </si>
  <si>
    <t>(046)836-0233</t>
  </si>
  <si>
    <t>(046)836-3537</t>
  </si>
  <si>
    <t>(046)827-0208</t>
  </si>
  <si>
    <t>(046)841-0203</t>
  </si>
  <si>
    <t>(046)841-0234</t>
  </si>
  <si>
    <t>(046)835-7766</t>
  </si>
  <si>
    <t>(046)830-5660</t>
  </si>
  <si>
    <t>(046)841-0028</t>
  </si>
  <si>
    <t>(046)841-4666</t>
  </si>
  <si>
    <t>(046)841-0140</t>
  </si>
  <si>
    <t>(046)841-4201</t>
  </si>
  <si>
    <t>(046)848-3460</t>
  </si>
  <si>
    <t>(046)835-0424</t>
  </si>
  <si>
    <t>(046)835-0323</t>
  </si>
  <si>
    <t>(046)834-4315</t>
  </si>
  <si>
    <t>(046)848-6465</t>
  </si>
  <si>
    <t>(046)849-7566</t>
  </si>
  <si>
    <t>(046)847-1031</t>
  </si>
  <si>
    <t>(046)848-0037</t>
  </si>
  <si>
    <t>(046)848-5210</t>
  </si>
  <si>
    <t>(046)856-1299</t>
  </si>
  <si>
    <t>(046)856-4757</t>
  </si>
  <si>
    <t>(046)856-3126</t>
  </si>
  <si>
    <t>(046)857-0018</t>
  </si>
  <si>
    <t>(046)856-0154</t>
  </si>
  <si>
    <t>(046)873-2050</t>
  </si>
  <si>
    <t>(046)873ｰ2052</t>
  </si>
  <si>
    <t>(046)873-2054</t>
  </si>
  <si>
    <t>(046)873-2070</t>
  </si>
  <si>
    <t>(046)881-6191</t>
  </si>
  <si>
    <t>(046)881-6181</t>
  </si>
  <si>
    <t>(046)888-0545</t>
  </si>
  <si>
    <t>(046)888-0053</t>
  </si>
  <si>
    <t>(046)886-1042</t>
  </si>
  <si>
    <t>(046)888-3120</t>
  </si>
  <si>
    <t>(046)881-6141</t>
  </si>
  <si>
    <t>(046)888-2020</t>
  </si>
  <si>
    <t>(046)875-0062</t>
  </si>
  <si>
    <t>(046)878-7529</t>
  </si>
  <si>
    <t>(046)875-6860</t>
  </si>
  <si>
    <t>(046)875-9221</t>
  </si>
  <si>
    <t>(046)221-2017</t>
  </si>
  <si>
    <t>(046)245-1166</t>
  </si>
  <si>
    <t>(046)245-1137</t>
  </si>
  <si>
    <t>(046)241-1454</t>
  </si>
  <si>
    <t>(046)241-1040</t>
  </si>
  <si>
    <t>(046)221-4210</t>
  </si>
  <si>
    <t>(046)241-1452</t>
  </si>
  <si>
    <t>(046)248-0015</t>
  </si>
  <si>
    <t>(046)248-1679</t>
  </si>
  <si>
    <t>(046)228-2610</t>
  </si>
  <si>
    <t>(046)228-0690</t>
  </si>
  <si>
    <t>(046)221-2368</t>
  </si>
  <si>
    <t>(046)224-7888</t>
  </si>
  <si>
    <t>(046)247-9371</t>
  </si>
  <si>
    <t>(046)224-5911</t>
  </si>
  <si>
    <t>(046)241-7312</t>
  </si>
  <si>
    <t>(046)247-9351</t>
  </si>
  <si>
    <t>(046)241-0861</t>
  </si>
  <si>
    <t>(046)241-2851</t>
  </si>
  <si>
    <t>(046)248-3611</t>
  </si>
  <si>
    <t>(046)245-4611</t>
  </si>
  <si>
    <t>(046)228-9805</t>
  </si>
  <si>
    <t>(046)246-2884</t>
  </si>
  <si>
    <t>(046)274-1171</t>
  </si>
  <si>
    <t>(046)274-3218</t>
  </si>
  <si>
    <t>(046)261-0795</t>
  </si>
  <si>
    <t>(046)261-1378</t>
  </si>
  <si>
    <t>(046)261-1370</t>
  </si>
  <si>
    <t>(046)267-2349</t>
  </si>
  <si>
    <t>(046)267-3344</t>
  </si>
  <si>
    <t>(046)274-8428</t>
  </si>
  <si>
    <t>(046)274-4368</t>
  </si>
  <si>
    <t>(046)267-3352</t>
  </si>
  <si>
    <t>(046)263-4401</t>
  </si>
  <si>
    <t>(046)275-3141</t>
  </si>
  <si>
    <t>(046)267-0951</t>
  </si>
  <si>
    <t>(046)263-2540</t>
  </si>
  <si>
    <t>(046)269-1021</t>
  </si>
  <si>
    <t>(046)263-2525</t>
  </si>
  <si>
    <t>(046)263-6260</t>
  </si>
  <si>
    <t>(046)276-2821</t>
  </si>
  <si>
    <t>(046)261-9552</t>
  </si>
  <si>
    <t>(046)231-2019</t>
  </si>
  <si>
    <t>(046)231-1630</t>
  </si>
  <si>
    <t>(046)231-2159</t>
  </si>
  <si>
    <t>(046)238-2010</t>
  </si>
  <si>
    <t>(046)231-7370</t>
  </si>
  <si>
    <t>(046)232-3755</t>
  </si>
  <si>
    <t>(046)231-1452</t>
  </si>
  <si>
    <t>(046)238-0810</t>
  </si>
  <si>
    <t>(046)232-3716</t>
  </si>
  <si>
    <t>(046)238-1453</t>
  </si>
  <si>
    <t>(046)238-4508</t>
  </si>
  <si>
    <t>(046)232-2295</t>
  </si>
  <si>
    <t>(046)233-6451</t>
  </si>
  <si>
    <t>(046)251-0009</t>
  </si>
  <si>
    <t>(046)251-0074</t>
  </si>
  <si>
    <t>(046)251-0625</t>
  </si>
  <si>
    <t>(046)251-6446</t>
  </si>
  <si>
    <t>(046)252-1124</t>
  </si>
  <si>
    <t>(046)253-3145</t>
  </si>
  <si>
    <t>(046)254-8202</t>
  </si>
  <si>
    <t>(046)254-8100</t>
  </si>
  <si>
    <t>(046)253-7211</t>
  </si>
  <si>
    <t>(046)253-2255</t>
  </si>
  <si>
    <t>(046)251-3882</t>
  </si>
  <si>
    <t>(046)285-0082</t>
  </si>
  <si>
    <t>(046)281-0389</t>
  </si>
  <si>
    <t>(046)281-0047</t>
  </si>
  <si>
    <t>(046)281-0144</t>
  </si>
  <si>
    <t>(046)285-2960</t>
  </si>
  <si>
    <t>(046)285-2794</t>
  </si>
  <si>
    <t>(046)288-1003</t>
  </si>
  <si>
    <t>(046)865-2646</t>
  </si>
  <si>
    <t>(046)865-3352</t>
  </si>
  <si>
    <t>(046)865-3155</t>
  </si>
  <si>
    <t>(046)866-1725</t>
  </si>
  <si>
    <t>(046)861-1553</t>
  </si>
  <si>
    <t>(046)861-2714</t>
  </si>
  <si>
    <t>(046)823-2516</t>
  </si>
  <si>
    <t>(046)822-0185</t>
  </si>
  <si>
    <t>(046)823-9849</t>
  </si>
  <si>
    <t>(046)823-9725</t>
  </si>
  <si>
    <t>(046)822-0129</t>
  </si>
  <si>
    <t>(046)823-8906</t>
  </si>
  <si>
    <t>(046)823-8840</t>
  </si>
  <si>
    <t>(046)823-8195</t>
  </si>
  <si>
    <t>(046)823-8024</t>
  </si>
  <si>
    <t>(046)824-9057</t>
  </si>
  <si>
    <t>(046)851-0056</t>
  </si>
  <si>
    <t>(046)851-0543</t>
  </si>
  <si>
    <t>(046)851-2217</t>
  </si>
  <si>
    <t>(046)851-0335</t>
  </si>
  <si>
    <t>(046)834-7330</t>
  </si>
  <si>
    <t>(046)836-0058</t>
  </si>
  <si>
    <t>(046)836-3878</t>
  </si>
  <si>
    <t>(046)821-4316</t>
  </si>
  <si>
    <t>(046)841-0206</t>
  </si>
  <si>
    <t>(046)841-0244</t>
  </si>
  <si>
    <t>(046)835-7764</t>
  </si>
  <si>
    <t>(046)830-5661</t>
  </si>
  <si>
    <t>(046)841-0027</t>
  </si>
  <si>
    <t>(046)841-4668</t>
  </si>
  <si>
    <t>(046)841-0145</t>
  </si>
  <si>
    <t>(046)841-4203</t>
  </si>
  <si>
    <t>(046)848-4412</t>
  </si>
  <si>
    <t>(046)835-0443</t>
  </si>
  <si>
    <t>(046)835-0056</t>
  </si>
  <si>
    <t>(046)834-4468</t>
  </si>
  <si>
    <t>(046)848-6845</t>
  </si>
  <si>
    <t>(046)849-7814</t>
  </si>
  <si>
    <t>(046)847-1522</t>
  </si>
  <si>
    <t>(046)848-0386</t>
  </si>
  <si>
    <t>(046)848-5230</t>
  </si>
  <si>
    <t>(046)856-1413</t>
  </si>
  <si>
    <t>(046)856-4851</t>
  </si>
  <si>
    <t>(046)856-3543</t>
  </si>
  <si>
    <t>(046)857-0028</t>
  </si>
  <si>
    <t>(046)856-0245</t>
  </si>
  <si>
    <t>(046)872-9651</t>
  </si>
  <si>
    <t>(046)872-9652</t>
  </si>
  <si>
    <t>(046)872-9653</t>
  </si>
  <si>
    <t>(046)872-9654</t>
  </si>
  <si>
    <t>(046)881-6192</t>
  </si>
  <si>
    <t>(046)881-6182</t>
  </si>
  <si>
    <t>(046)888-0548</t>
  </si>
  <si>
    <t>(046)888-0063</t>
  </si>
  <si>
    <t>(046)886-1043</t>
  </si>
  <si>
    <t>(046)888-3121</t>
  </si>
  <si>
    <t>(046)881-6142</t>
  </si>
  <si>
    <t>(046)888-2045</t>
  </si>
  <si>
    <t>(046)876-0680</t>
  </si>
  <si>
    <t>(046)878-6550</t>
  </si>
  <si>
    <t>(046)876-0682</t>
  </si>
  <si>
    <t>(046)876-0681</t>
  </si>
  <si>
    <t>(046)221-6823</t>
  </si>
  <si>
    <t>(046)245-0875</t>
  </si>
  <si>
    <t>(046)245-0682</t>
  </si>
  <si>
    <t>(046)241-1260</t>
  </si>
  <si>
    <t>(046)241-3166</t>
  </si>
  <si>
    <t>(046)221-4539</t>
  </si>
  <si>
    <t>(046)241-1257</t>
  </si>
  <si>
    <t>(046)248-0620</t>
  </si>
  <si>
    <t>(046)248-1678</t>
  </si>
  <si>
    <t>(046)229-0301</t>
  </si>
  <si>
    <t>(046)228-0691</t>
  </si>
  <si>
    <t>(046)223-5830</t>
  </si>
  <si>
    <t>(046)224-3957</t>
  </si>
  <si>
    <t>(046)247-9370</t>
  </si>
  <si>
    <t>(046)224-5958</t>
  </si>
  <si>
    <t>(046)241-7313</t>
  </si>
  <si>
    <t>(046)247-9352</t>
  </si>
  <si>
    <t>(046)241-6135</t>
  </si>
  <si>
    <t>(046)241-3143</t>
  </si>
  <si>
    <t>(046)248-2563</t>
  </si>
  <si>
    <t>(046)245-5675</t>
  </si>
  <si>
    <t>(046)228-9807</t>
  </si>
  <si>
    <t>(046)246-2885</t>
  </si>
  <si>
    <t>(046)272-1485</t>
  </si>
  <si>
    <t>(046)272-1495</t>
  </si>
  <si>
    <t>(046)264-7495</t>
  </si>
  <si>
    <t>(046)264-8599</t>
  </si>
  <si>
    <t>(046)264-8494</t>
  </si>
  <si>
    <t>(046)268-8501</t>
  </si>
  <si>
    <t>(046)268-8508</t>
  </si>
  <si>
    <t>(046)272-1521</t>
  </si>
  <si>
    <t>(046)272-1541</t>
  </si>
  <si>
    <t>(046)268-8415</t>
  </si>
  <si>
    <t>(046)264-9105</t>
  </si>
  <si>
    <t>(046)272-1531</t>
  </si>
  <si>
    <t>(046)268-3590</t>
  </si>
  <si>
    <t>(046)264-9185</t>
  </si>
  <si>
    <t>(046)268-3599</t>
  </si>
  <si>
    <t>(046)264-9085</t>
  </si>
  <si>
    <t>(046)264-8556</t>
  </si>
  <si>
    <t>(046)272-1490</t>
  </si>
  <si>
    <t>(046)264-8935</t>
  </si>
  <si>
    <t>(046)231-3564</t>
  </si>
  <si>
    <t>(046)231-1715</t>
  </si>
  <si>
    <t>(046)231-2147</t>
  </si>
  <si>
    <t>(046)238-1733</t>
  </si>
  <si>
    <t>(046)231-2130</t>
  </si>
  <si>
    <t>(046)232-3277</t>
  </si>
  <si>
    <t>(046)231-3008</t>
  </si>
  <si>
    <t>(046)238-0335</t>
  </si>
  <si>
    <t>(046)232-3706</t>
  </si>
  <si>
    <t>(046)238-5247</t>
  </si>
  <si>
    <t>(046)238-4512</t>
  </si>
  <si>
    <t>(046)232-2256</t>
  </si>
  <si>
    <t>(046)233-6452</t>
  </si>
  <si>
    <t>(046)251-5203</t>
  </si>
  <si>
    <t>(046)251-5209</t>
  </si>
  <si>
    <t>(046)251-3692</t>
  </si>
  <si>
    <t>(046)251-4403</t>
  </si>
  <si>
    <t>(046)252-1123</t>
  </si>
  <si>
    <t>(046)253-3146</t>
  </si>
  <si>
    <t>(046)254-8210</t>
  </si>
  <si>
    <t>(046)254-8119</t>
  </si>
  <si>
    <t>(046)253-7208</t>
  </si>
  <si>
    <t>(046)253-2248</t>
  </si>
  <si>
    <t>(046)251-1936</t>
  </si>
  <si>
    <t>(046)286-7981</t>
  </si>
  <si>
    <t>(046)281-6151</t>
  </si>
  <si>
    <t>(046)281-6152</t>
  </si>
  <si>
    <t>(046)281-6153</t>
  </si>
  <si>
    <t>(046)286-7982</t>
  </si>
  <si>
    <t>(046)286-7983</t>
  </si>
  <si>
    <t>(046)288-3478</t>
  </si>
  <si>
    <t>(0467)25-1200</t>
  </si>
  <si>
    <t>(0467)25-1202</t>
  </si>
  <si>
    <t>(0467)25-1204</t>
  </si>
  <si>
    <t>(0467)24-8338</t>
  </si>
  <si>
    <t>(0467)31-7600</t>
  </si>
  <si>
    <t>(0467)44-1226</t>
  </si>
  <si>
    <t>(0467)44-1228</t>
  </si>
  <si>
    <t>(0467)44-1230</t>
  </si>
  <si>
    <t>(0467)44-1224</t>
  </si>
  <si>
    <t>(0467)44-1232</t>
  </si>
  <si>
    <t>(0467)44-1234</t>
  </si>
  <si>
    <t>(0467)32-4100</t>
  </si>
  <si>
    <t>(0467)32-4102</t>
  </si>
  <si>
    <t>(0467)45-1621</t>
  </si>
  <si>
    <t>(0467)44-5436</t>
  </si>
  <si>
    <t>(0467)44-1686</t>
  </si>
  <si>
    <t>(0467)83-4535</t>
  </si>
  <si>
    <t>(0467)85-3155</t>
  </si>
  <si>
    <t>(0467)51-1243</t>
  </si>
  <si>
    <t>(0467)85-1247</t>
  </si>
  <si>
    <t>(0467)51-8814</t>
  </si>
  <si>
    <t>(0467)83-4571</t>
  </si>
  <si>
    <t>(0467)85-1125</t>
  </si>
  <si>
    <t>(0467)51-3153</t>
  </si>
  <si>
    <t>(0467)85-1184</t>
  </si>
  <si>
    <t>(0467)52-3341</t>
  </si>
  <si>
    <t>(0467)85-1180</t>
  </si>
  <si>
    <t>(0467)51-1266</t>
  </si>
  <si>
    <t>(0467)52-7433</t>
  </si>
  <si>
    <t>(0467)85-1120</t>
  </si>
  <si>
    <t>(0467)53-1241</t>
  </si>
  <si>
    <t>(0467)87-1351</t>
  </si>
  <si>
    <t>(0467)87-6325</t>
  </si>
  <si>
    <t>(0467)88-5711</t>
  </si>
  <si>
    <t>(0467)84-0031</t>
  </si>
  <si>
    <t>(0467)25-1206</t>
  </si>
  <si>
    <t>(0467)25-1229</t>
  </si>
  <si>
    <t>(0467)75-0032</t>
  </si>
  <si>
    <t>(0467)75-0058</t>
  </si>
  <si>
    <t>(0467)75-0359</t>
  </si>
  <si>
    <t>(0467)75-3671</t>
  </si>
  <si>
    <t>(0467)74-7444</t>
  </si>
  <si>
    <t>(0467)78-0004</t>
  </si>
  <si>
    <t>(0467)78-0053</t>
  </si>
  <si>
    <t>(0467)78-0452</t>
  </si>
  <si>
    <t>(0467)78-7085</t>
  </si>
  <si>
    <t>(0467)78-2376</t>
  </si>
  <si>
    <t>(0467)78-2368</t>
  </si>
  <si>
    <t>(0467)78-8525</t>
  </si>
  <si>
    <t>(0467)78-8312</t>
  </si>
  <si>
    <t>(0467)78-2840</t>
  </si>
  <si>
    <t>(0467)78-2848</t>
  </si>
  <si>
    <t>(0467)78-5688</t>
  </si>
  <si>
    <t>(0467)78-5690</t>
  </si>
  <si>
    <t>(0467)77-5807</t>
  </si>
  <si>
    <t>(0467)77-5801</t>
  </si>
  <si>
    <t>(0467)77-6133</t>
  </si>
  <si>
    <t>(0467)77-6135</t>
  </si>
  <si>
    <t>(0467)77-2002</t>
  </si>
  <si>
    <t>(0467)77-2001</t>
  </si>
  <si>
    <t>(0467)77-8401</t>
  </si>
  <si>
    <t>(0467)77-8450</t>
  </si>
  <si>
    <t>(0466)25-7533</t>
  </si>
  <si>
    <t>(0466)26-5082</t>
  </si>
  <si>
    <t>(0466)33-2442</t>
  </si>
  <si>
    <t>(0466)33-6439</t>
  </si>
  <si>
    <t>(0466)23-3119</t>
  </si>
  <si>
    <t>(0466)50-6870</t>
  </si>
  <si>
    <t>(0466)26-1577</t>
  </si>
  <si>
    <t>(0466)50-6871</t>
  </si>
  <si>
    <t>(0466)26-3290</t>
  </si>
  <si>
    <t>(0466)50-6872</t>
  </si>
  <si>
    <t>(0466)81-5595</t>
  </si>
  <si>
    <t>(0466)84-5401</t>
  </si>
  <si>
    <t>(0466)33-4121</t>
  </si>
  <si>
    <t>(0466)37-1061</t>
  </si>
  <si>
    <t>(0466)26-3989</t>
  </si>
  <si>
    <t>(0466)50-0965</t>
  </si>
  <si>
    <t>(0466)26-1440</t>
  </si>
  <si>
    <t>(0466)50-0174</t>
  </si>
  <si>
    <t>(0466)26-3976</t>
  </si>
  <si>
    <t>(0466)22-7313</t>
  </si>
  <si>
    <t>(0466)87-3014</t>
  </si>
  <si>
    <t>(0466)87-9579</t>
  </si>
  <si>
    <t>(0466)48-1255</t>
  </si>
  <si>
    <t>(0466)48-2591</t>
  </si>
  <si>
    <t>(0466)44-0129</t>
  </si>
  <si>
    <t>(0466)46-6903</t>
  </si>
  <si>
    <t>(0466)34-3500</t>
  </si>
  <si>
    <t>(0466)33-7973</t>
  </si>
  <si>
    <t>(0466)36-5149</t>
  </si>
  <si>
    <t>(0466)34-7428</t>
  </si>
  <si>
    <t>(0466)81-6573</t>
  </si>
  <si>
    <t>(0466)81-0738</t>
  </si>
  <si>
    <t>(0466)44-4725</t>
  </si>
  <si>
    <t>(0466)46-6904</t>
  </si>
  <si>
    <t>(0466)34-0179</t>
  </si>
  <si>
    <t>(0466)36-9810</t>
  </si>
  <si>
    <t>(0466)34-0278</t>
  </si>
  <si>
    <t>(0466)35-5180</t>
  </si>
  <si>
    <t>(0466)81-7751</t>
  </si>
  <si>
    <t>(0466)84-5402</t>
  </si>
  <si>
    <t>(0466)81-6051</t>
  </si>
  <si>
    <t>(0466)84-1795</t>
  </si>
  <si>
    <t>(0466)34-1617</t>
  </si>
  <si>
    <t>(0466)37-1062</t>
  </si>
  <si>
    <t>(0466)43-3682</t>
  </si>
  <si>
    <t>(0466)46-5354</t>
  </si>
  <si>
    <t>(0466)87-1100</t>
  </si>
  <si>
    <t>(0466)87-9594</t>
  </si>
  <si>
    <t>(0466)81-5551</t>
  </si>
  <si>
    <t>(0466)84-5403</t>
  </si>
  <si>
    <t>(0466)27-1951</t>
  </si>
  <si>
    <t>(0466)50-6873</t>
  </si>
  <si>
    <t>(0466)48-7733</t>
  </si>
  <si>
    <t>(0466)47-0827</t>
  </si>
  <si>
    <t>(0466)87-3521</t>
  </si>
  <si>
    <t>(0466)86-2771</t>
  </si>
  <si>
    <t>(0466)27-6131</t>
  </si>
  <si>
    <t>(0466)50-6874</t>
  </si>
  <si>
    <t>(0466)81-2451</t>
  </si>
  <si>
    <t>(0466)84-5404</t>
  </si>
  <si>
    <t>(0466)87-4611</t>
  </si>
  <si>
    <t>(0466)86-2772</t>
  </si>
  <si>
    <t>(0466)25-6151</t>
  </si>
  <si>
    <t>(0466)50-6875</t>
  </si>
  <si>
    <t>(0466)87-9149</t>
  </si>
  <si>
    <t>(0466)86-2773</t>
  </si>
  <si>
    <t>(0466)81-2348</t>
  </si>
  <si>
    <t>(0466)84-5405</t>
  </si>
  <si>
    <t>(0466)86-2551</t>
  </si>
  <si>
    <t>(0466)86-2774</t>
  </si>
  <si>
    <t>(0463)32-0158</t>
  </si>
  <si>
    <t>(0463)33-2075</t>
  </si>
  <si>
    <t>(0463)21-0412</t>
  </si>
  <si>
    <t>(0463)23-7429</t>
  </si>
  <si>
    <t>(0463)21-0413</t>
  </si>
  <si>
    <t>(0463)23-7184</t>
  </si>
  <si>
    <t>(0463)31-0049</t>
  </si>
  <si>
    <t>(0463)33-4512</t>
  </si>
  <si>
    <t>(0463)31-0843</t>
  </si>
  <si>
    <t>(0463)33-4297</t>
  </si>
  <si>
    <t>(0463)32-0136</t>
  </si>
  <si>
    <t>(0463)33-1723</t>
  </si>
  <si>
    <t>(0463)55-1065</t>
  </si>
  <si>
    <t>(0463)53-1438</t>
  </si>
  <si>
    <t>(0463)31-0949</t>
  </si>
  <si>
    <t>(0463)33-4176</t>
  </si>
  <si>
    <t>(0463)31-1522</t>
  </si>
  <si>
    <t>(0463)33-2368</t>
  </si>
  <si>
    <t>(0463)55-0006</t>
  </si>
  <si>
    <t>(0463)53-1489</t>
  </si>
  <si>
    <t>(0463)55-1550</t>
  </si>
  <si>
    <t>(0463)53-1497</t>
  </si>
  <si>
    <t>(0463)58-0158</t>
  </si>
  <si>
    <t>(0463)59-6349</t>
  </si>
  <si>
    <t>(0463)58-1128</t>
  </si>
  <si>
    <t>(0463)59-6448</t>
  </si>
  <si>
    <t>(0463)58-1414</t>
  </si>
  <si>
    <t>(0463)59-6438</t>
  </si>
  <si>
    <t>(0463)58-0432</t>
  </si>
  <si>
    <t>(0463)59-6431</t>
  </si>
  <si>
    <t>(0463)58-0020</t>
  </si>
  <si>
    <t>(0463)59-6429</t>
  </si>
  <si>
    <t>(0463)55-2530</t>
  </si>
  <si>
    <t>(0463)53-1409</t>
  </si>
  <si>
    <t>(0463)22-3773</t>
  </si>
  <si>
    <t>(0463)23-7819</t>
  </si>
  <si>
    <t>(0463)32-7882</t>
  </si>
  <si>
    <t>(0463)33-4780</t>
  </si>
  <si>
    <t>(0463)54-0627</t>
  </si>
  <si>
    <t>(0463)53-1442</t>
  </si>
  <si>
    <t>(0463)54-1624</t>
  </si>
  <si>
    <t>(0463)53-1469</t>
  </si>
  <si>
    <t>(0463)55-0022</t>
  </si>
  <si>
    <t>(0463)53-1439</t>
  </si>
  <si>
    <t>(0463)34-1600</t>
  </si>
  <si>
    <t>(0463)33-4023</t>
  </si>
  <si>
    <t>(0463)34-2520</t>
  </si>
  <si>
    <t>(0463)33-2014</t>
  </si>
  <si>
    <t>(0463)31-9551</t>
  </si>
  <si>
    <t>(0463)33-4699</t>
  </si>
  <si>
    <t>(0463)59-2191</t>
  </si>
  <si>
    <t>(0463)59-6439</t>
  </si>
  <si>
    <t>(0463)34-4746</t>
  </si>
  <si>
    <t>(0463)33-4788</t>
  </si>
  <si>
    <t>(0463)33-2225</t>
  </si>
  <si>
    <t>(0463)33-1876</t>
  </si>
  <si>
    <t>(0463)81-1610</t>
  </si>
  <si>
    <t>(0463)81-1249</t>
  </si>
  <si>
    <t>(0463)81-1630</t>
  </si>
  <si>
    <t>(0463)81-1634</t>
  </si>
  <si>
    <t>(0463)81-1620</t>
  </si>
  <si>
    <t>(0463)81-6190</t>
  </si>
  <si>
    <t>(0463)75-1640</t>
  </si>
  <si>
    <t>(0463)75-4216</t>
  </si>
  <si>
    <t>(0463)77-1650</t>
  </si>
  <si>
    <t>(0463)76-4927</t>
  </si>
  <si>
    <t>(0463)88-0013</t>
  </si>
  <si>
    <t>(0463)88-1031</t>
  </si>
  <si>
    <t>(0463)88-0274</t>
  </si>
  <si>
    <t>(0463)87-3809</t>
  </si>
  <si>
    <t>(0463)77-5445</t>
  </si>
  <si>
    <t>(0463)76-4930</t>
  </si>
  <si>
    <t>(0463)88-7066</t>
  </si>
  <si>
    <t>(0463)88-7067</t>
  </si>
  <si>
    <t>(0463)82-5255</t>
  </si>
  <si>
    <t>(0463)82-1836</t>
  </si>
  <si>
    <t>(0463)82-8400</t>
  </si>
  <si>
    <t>(0463)82-8401</t>
  </si>
  <si>
    <t>(0463)88-4809</t>
  </si>
  <si>
    <t>(0463)88-9947</t>
  </si>
  <si>
    <t>(0463)78-3262</t>
  </si>
  <si>
    <t>(0463)76-4934</t>
  </si>
  <si>
    <t>(0463)95-2519</t>
  </si>
  <si>
    <t>(0463)91-9470</t>
  </si>
  <si>
    <t>(0463)95ｰ2014</t>
  </si>
  <si>
    <t>(0463)91-9473</t>
  </si>
  <si>
    <t>(0463)95-2569</t>
  </si>
  <si>
    <t>(0463)91-9471</t>
  </si>
  <si>
    <t>(0463)95-2307</t>
  </si>
  <si>
    <t>(0463)91-9472</t>
  </si>
  <si>
    <t>(0463)95-2360</t>
  </si>
  <si>
    <t>(0463)91-9474</t>
  </si>
  <si>
    <t>(0463)95-1064</t>
  </si>
  <si>
    <t>(0463)91-9478</t>
  </si>
  <si>
    <t>(0463)95-2787</t>
  </si>
  <si>
    <t>(0463)91-9476</t>
  </si>
  <si>
    <t>(0463)93-4717</t>
  </si>
  <si>
    <t>(0463)91-9475</t>
  </si>
  <si>
    <t>(0463)93-4718</t>
  </si>
  <si>
    <t>(0463)91-9477</t>
  </si>
  <si>
    <t>(0463)92-8111</t>
  </si>
  <si>
    <t>(0463)92-4191</t>
  </si>
  <si>
    <t>(0463)61-0140</t>
  </si>
  <si>
    <t>(0463)61-0930</t>
  </si>
  <si>
    <t>(0463)71-0400</t>
  </si>
  <si>
    <t>(0463)72-6251</t>
  </si>
  <si>
    <t>(0463)73-0623</t>
  </si>
  <si>
    <t>(0463)71ｰ0157</t>
  </si>
  <si>
    <t>(0463)71-7995</t>
  </si>
  <si>
    <t>(0463)71-1543</t>
  </si>
  <si>
    <t>(0463)71-7975</t>
  </si>
  <si>
    <t>(0463)72-3777</t>
  </si>
  <si>
    <t>(0463)71-7973</t>
  </si>
  <si>
    <t>(0465)74-2411</t>
  </si>
  <si>
    <t>(0465)74-2651</t>
  </si>
  <si>
    <t>(0465)74-2413</t>
  </si>
  <si>
    <t>(0465)74-9917</t>
  </si>
  <si>
    <t>(0465)74-2412</t>
  </si>
  <si>
    <t>(0465)74-9925</t>
  </si>
  <si>
    <t>(0465)74-9211</t>
  </si>
  <si>
    <t>(0465)74-9927</t>
  </si>
  <si>
    <t>(0465)74-9330</t>
  </si>
  <si>
    <t>(0465)74-9928</t>
  </si>
  <si>
    <t>(0465)81-1116</t>
  </si>
  <si>
    <t>(0465)81-0590</t>
  </si>
  <si>
    <t>(0465)81-1123</t>
  </si>
  <si>
    <t>(0465)81-0093</t>
  </si>
  <si>
    <t>(0465)82-0918</t>
  </si>
  <si>
    <t>(0465)82-0191</t>
  </si>
  <si>
    <t>(0465)82-1611</t>
  </si>
  <si>
    <t>(0465)83-5766</t>
  </si>
  <si>
    <t>(0465)83-1151</t>
  </si>
  <si>
    <t>(0465)83-1153</t>
  </si>
  <si>
    <t>(0465)82-0371</t>
  </si>
  <si>
    <t>(0465)85-1252</t>
  </si>
  <si>
    <t>(0465)89-2201</t>
  </si>
  <si>
    <t>(0465)88-1020</t>
  </si>
  <si>
    <t>(0465)75-1142</t>
  </si>
  <si>
    <t>(0465)76-3290</t>
  </si>
  <si>
    <t>(0465)83-1616</t>
  </si>
  <si>
    <t>(0465)82-4908</t>
  </si>
  <si>
    <t>(0465)83-2250</t>
  </si>
  <si>
    <t>(0465)83-0533</t>
  </si>
  <si>
    <t>(0465)22-5164</t>
  </si>
  <si>
    <t>(0465)22-6191</t>
  </si>
  <si>
    <t>(0465)22-5167</t>
  </si>
  <si>
    <t>(0465)22-6216</t>
  </si>
  <si>
    <t>(0465)34-1314</t>
  </si>
  <si>
    <t>(0465)32-7564</t>
  </si>
  <si>
    <t>(0465)34-8244</t>
  </si>
  <si>
    <t>(0465)32-7469</t>
  </si>
  <si>
    <t>(0465)22-1309</t>
  </si>
  <si>
    <t>(0465)24-6808</t>
  </si>
  <si>
    <t>(0465)22-4892</t>
  </si>
  <si>
    <t>(0465)22-0928</t>
  </si>
  <si>
    <t>(0465)35-2654</t>
  </si>
  <si>
    <t>(0465)32-7544</t>
  </si>
  <si>
    <t>(0465)35-3530</t>
  </si>
  <si>
    <t>(0465)32-7549</t>
  </si>
  <si>
    <t>(0465)36-3291</t>
  </si>
  <si>
    <t>(0465)36-1294</t>
  </si>
  <si>
    <t>(0465)34-5290</t>
  </si>
  <si>
    <t>(0465)32-7294</t>
  </si>
  <si>
    <t>(0465)47-3364</t>
  </si>
  <si>
    <t>(0465)49-6804</t>
  </si>
  <si>
    <t>(0465)36-0451</t>
  </si>
  <si>
    <t>(0465)36-0475</t>
  </si>
  <si>
    <t>(0465)42-1650</t>
  </si>
  <si>
    <t>(0465)42-6784</t>
  </si>
  <si>
    <t>(0465)42-1607</t>
  </si>
  <si>
    <t>(0465)42-5098</t>
  </si>
  <si>
    <t>(0465)48-1777</t>
  </si>
  <si>
    <t>(0465)49-6792</t>
  </si>
  <si>
    <t>(0465)47-3660</t>
  </si>
  <si>
    <t>(0465)49-6759</t>
  </si>
  <si>
    <t>(0465)29-0250</t>
  </si>
  <si>
    <t>(0465)29-1276</t>
  </si>
  <si>
    <t>(0465)42-2278</t>
  </si>
  <si>
    <t>(0465)42-5239</t>
  </si>
  <si>
    <t>(0465)36-3236</t>
  </si>
  <si>
    <t>(0465)36-0974</t>
  </si>
  <si>
    <t>(0465)43-0331</t>
  </si>
  <si>
    <t>(0465)43-3489</t>
  </si>
  <si>
    <t>(0465)43-0610</t>
  </si>
  <si>
    <t>(0465)43-3674</t>
  </si>
  <si>
    <t>(0465)48-1286</t>
  </si>
  <si>
    <t>(0465)49-6791</t>
  </si>
  <si>
    <t>(0465)37-2800</t>
  </si>
  <si>
    <t>(0465)37-5124</t>
  </si>
  <si>
    <t>(0465)36-8551</t>
  </si>
  <si>
    <t>(0465)36-1425</t>
  </si>
  <si>
    <t>(0465)48-7116</t>
  </si>
  <si>
    <t>(0465)49-6798</t>
  </si>
  <si>
    <t>(0465)68-0261</t>
  </si>
  <si>
    <t>(0465)68-0262</t>
  </si>
  <si>
    <t>(0465)62-5501</t>
  </si>
  <si>
    <t>(0465)60-1334</t>
  </si>
  <si>
    <t>(0465)62-8287</t>
  </si>
  <si>
    <t>(0465)63-7715</t>
  </si>
  <si>
    <t>(0465)62-3536</t>
  </si>
  <si>
    <t>(0465)63-7720</t>
  </si>
  <si>
    <t>としま</t>
    <phoneticPr fontId="1"/>
  </si>
  <si>
    <t>つるくぼ</t>
    <phoneticPr fontId="1"/>
  </si>
  <si>
    <t>くごう</t>
    <phoneticPr fontId="1"/>
  </si>
  <si>
    <t>いけがみ</t>
    <phoneticPr fontId="1"/>
  </si>
  <si>
    <t>じょうほく</t>
    <phoneticPr fontId="1"/>
  </si>
  <si>
    <t>きぬがさ</t>
    <phoneticPr fontId="2"/>
  </si>
  <si>
    <t>おおやべ</t>
    <phoneticPr fontId="1"/>
  </si>
  <si>
    <t>もりさき</t>
    <phoneticPr fontId="1"/>
  </si>
  <si>
    <t>おおつ</t>
    <phoneticPr fontId="1"/>
  </si>
  <si>
    <t>ねぎし</t>
    <phoneticPr fontId="1"/>
  </si>
  <si>
    <t>はしりみず</t>
    <phoneticPr fontId="1"/>
  </si>
  <si>
    <t>まぼり</t>
    <phoneticPr fontId="1"/>
  </si>
  <si>
    <t>ぼうよう</t>
    <phoneticPr fontId="1"/>
  </si>
  <si>
    <t>おおつかだい</t>
    <phoneticPr fontId="2"/>
  </si>
  <si>
    <t>239-0806</t>
    <phoneticPr fontId="2"/>
  </si>
  <si>
    <t>うらが</t>
    <phoneticPr fontId="1"/>
  </si>
  <si>
    <t>横須賀市立小原台小学校</t>
    <phoneticPr fontId="1"/>
  </si>
  <si>
    <t>おばらだい</t>
    <phoneticPr fontId="1"/>
  </si>
  <si>
    <t>かもい</t>
    <phoneticPr fontId="1"/>
  </si>
  <si>
    <t>こうざか</t>
    <phoneticPr fontId="1"/>
  </si>
  <si>
    <t>いわと</t>
    <phoneticPr fontId="1"/>
  </si>
  <si>
    <t>くりはま</t>
    <phoneticPr fontId="1"/>
  </si>
  <si>
    <t>あけはま</t>
    <phoneticPr fontId="1"/>
  </si>
  <si>
    <t>しんめい</t>
    <phoneticPr fontId="1"/>
  </si>
  <si>
    <t>のび</t>
    <phoneticPr fontId="1"/>
  </si>
  <si>
    <t>のびひがし</t>
    <phoneticPr fontId="1"/>
  </si>
  <si>
    <t>きたしたうら</t>
    <phoneticPr fontId="1"/>
  </si>
  <si>
    <t>つくい</t>
    <phoneticPr fontId="1"/>
  </si>
  <si>
    <t>ながい</t>
    <phoneticPr fontId="1"/>
  </si>
  <si>
    <t>ふじみ</t>
    <phoneticPr fontId="1"/>
  </si>
  <si>
    <t>たけやま</t>
    <phoneticPr fontId="1"/>
  </si>
  <si>
    <t>おぎの</t>
    <phoneticPr fontId="1"/>
  </si>
  <si>
    <t>おおぐす</t>
    <phoneticPr fontId="1"/>
  </si>
  <si>
    <t>-</t>
    <phoneticPr fontId="1"/>
  </si>
  <si>
    <t>うえき</t>
    <phoneticPr fontId="1"/>
  </si>
  <si>
    <t>-</t>
    <phoneticPr fontId="1"/>
  </si>
  <si>
    <t>ちがさき</t>
    <phoneticPr fontId="1"/>
  </si>
  <si>
    <t>つるみね</t>
    <phoneticPr fontId="1"/>
  </si>
  <si>
    <t>しょうりん</t>
    <phoneticPr fontId="1"/>
  </si>
  <si>
    <t>にしはま</t>
    <phoneticPr fontId="1"/>
  </si>
  <si>
    <t>茅ヶ崎市立小出小学校</t>
    <phoneticPr fontId="1"/>
  </si>
  <si>
    <t>こいで</t>
    <phoneticPr fontId="1"/>
  </si>
  <si>
    <t>まつなみ</t>
    <phoneticPr fontId="1"/>
  </si>
  <si>
    <t>うめだ</t>
    <phoneticPr fontId="1"/>
  </si>
  <si>
    <t>かがわ</t>
    <phoneticPr fontId="1"/>
  </si>
  <si>
    <t>はますか</t>
    <phoneticPr fontId="1"/>
  </si>
  <si>
    <t>つるがだい</t>
    <phoneticPr fontId="1"/>
  </si>
  <si>
    <t>やなぎしま</t>
    <phoneticPr fontId="1"/>
  </si>
  <si>
    <t>茅ヶ崎市立小和田小学校</t>
    <phoneticPr fontId="1"/>
  </si>
  <si>
    <t>こわだ</t>
    <phoneticPr fontId="1"/>
  </si>
  <si>
    <t>えんぞう</t>
    <phoneticPr fontId="1"/>
  </si>
  <si>
    <t>いまじゅく</t>
    <phoneticPr fontId="1"/>
  </si>
  <si>
    <t>ひがしかいがん</t>
    <phoneticPr fontId="1"/>
  </si>
  <si>
    <t>はまのごう</t>
    <phoneticPr fontId="1"/>
  </si>
  <si>
    <t>みどりがはま</t>
    <phoneticPr fontId="1"/>
  </si>
  <si>
    <t>しおみだい</t>
    <phoneticPr fontId="1"/>
  </si>
  <si>
    <t>みさき</t>
    <phoneticPr fontId="1"/>
  </si>
  <si>
    <t>こうよう</t>
    <phoneticPr fontId="1"/>
  </si>
  <si>
    <t>みなみしたうら</t>
    <phoneticPr fontId="2"/>
  </si>
  <si>
    <t>かみみやだ</t>
    <phoneticPr fontId="1"/>
  </si>
  <si>
    <t>けんざき</t>
    <phoneticPr fontId="1"/>
  </si>
  <si>
    <t>はっせ</t>
    <phoneticPr fontId="2"/>
  </si>
  <si>
    <t>なこう</t>
    <phoneticPr fontId="1"/>
  </si>
  <si>
    <t>あさひ</t>
    <phoneticPr fontId="1"/>
  </si>
  <si>
    <t>にのみや</t>
    <phoneticPr fontId="2"/>
  </si>
  <si>
    <t>259-0123</t>
    <phoneticPr fontId="2"/>
  </si>
  <si>
    <t>いっしき</t>
    <phoneticPr fontId="2"/>
  </si>
  <si>
    <t>やまにし</t>
    <phoneticPr fontId="2"/>
  </si>
  <si>
    <t>かわむら</t>
    <phoneticPr fontId="2"/>
  </si>
  <si>
    <t>かいせい</t>
    <phoneticPr fontId="2"/>
  </si>
  <si>
    <t>かいせいみなみ</t>
    <phoneticPr fontId="1"/>
  </si>
  <si>
    <t>さんのまる</t>
    <phoneticPr fontId="1"/>
  </si>
  <si>
    <t>あらたま</t>
    <phoneticPr fontId="1"/>
  </si>
  <si>
    <t>あしがら</t>
    <phoneticPr fontId="1"/>
  </si>
  <si>
    <t>あしこ</t>
    <phoneticPr fontId="1"/>
  </si>
  <si>
    <t>おおくぼ</t>
    <phoneticPr fontId="1"/>
  </si>
  <si>
    <t>250-0034</t>
    <phoneticPr fontId="2"/>
  </si>
  <si>
    <t>はやかわ</t>
    <phoneticPr fontId="1"/>
  </si>
  <si>
    <t>さんのう</t>
    <phoneticPr fontId="1"/>
  </si>
  <si>
    <t>くの</t>
    <phoneticPr fontId="1"/>
  </si>
  <si>
    <t>とみず</t>
    <phoneticPr fontId="1"/>
  </si>
  <si>
    <t>まちだ</t>
    <phoneticPr fontId="1"/>
  </si>
  <si>
    <t>しもふなか</t>
    <phoneticPr fontId="1"/>
  </si>
  <si>
    <t>さくらい</t>
    <phoneticPr fontId="1"/>
  </si>
  <si>
    <t>ちよ</t>
    <phoneticPr fontId="1"/>
  </si>
  <si>
    <t>しもそが</t>
    <phoneticPr fontId="1"/>
  </si>
  <si>
    <t>こうづ</t>
    <phoneticPr fontId="1"/>
  </si>
  <si>
    <t>さかわ</t>
    <phoneticPr fontId="1"/>
  </si>
  <si>
    <t>かたうら</t>
    <phoneticPr fontId="1"/>
  </si>
  <si>
    <t>そが</t>
    <phoneticPr fontId="1"/>
  </si>
  <si>
    <t>ひがしとみず</t>
    <phoneticPr fontId="1"/>
  </si>
  <si>
    <t>まえは</t>
    <phoneticPr fontId="1"/>
  </si>
  <si>
    <t>しもなか</t>
    <phoneticPr fontId="1"/>
  </si>
  <si>
    <t>やはぎ</t>
    <phoneticPr fontId="1"/>
  </si>
  <si>
    <t>ほうとく</t>
    <phoneticPr fontId="1"/>
  </si>
  <si>
    <t>とよかわ</t>
    <phoneticPr fontId="1"/>
  </si>
  <si>
    <t>ふじみ</t>
    <phoneticPr fontId="2"/>
  </si>
  <si>
    <t>ゆもと</t>
    <phoneticPr fontId="2"/>
  </si>
  <si>
    <t>(0460)85-5414</t>
  </si>
  <si>
    <t>(0460)85-7622</t>
  </si>
  <si>
    <t>はこねのもり</t>
    <phoneticPr fontId="2"/>
  </si>
  <si>
    <t>250-0401</t>
    <phoneticPr fontId="2"/>
  </si>
  <si>
    <t>(0460)82-3038</t>
  </si>
  <si>
    <t>(0460)82-3004</t>
  </si>
  <si>
    <t>せんごくはら</t>
    <phoneticPr fontId="2"/>
  </si>
  <si>
    <t>250-0631</t>
    <phoneticPr fontId="2"/>
  </si>
  <si>
    <t>(0460)84ｰ8049</t>
  </si>
  <si>
    <t>(0460)84-8024</t>
  </si>
  <si>
    <t>ゆがわら</t>
    <phoneticPr fontId="2"/>
  </si>
  <si>
    <t>よしはま</t>
    <phoneticPr fontId="2"/>
  </si>
  <si>
    <t>あずまだいふくうら</t>
    <phoneticPr fontId="2"/>
  </si>
  <si>
    <t>横須賀市立追浜小学校</t>
    <phoneticPr fontId="1"/>
  </si>
  <si>
    <t>鎌倉市由比ガ浜2-9-55</t>
    <phoneticPr fontId="1"/>
  </si>
  <si>
    <t>あわだ</t>
    <phoneticPr fontId="1"/>
  </si>
  <si>
    <t>むろた</t>
    <phoneticPr fontId="1"/>
  </si>
  <si>
    <t>厚木市下依知2-7-1</t>
    <phoneticPr fontId="1"/>
  </si>
  <si>
    <t>（本校28校</t>
    <rPh sb="1" eb="3">
      <t>ホンコウ</t>
    </rPh>
    <rPh sb="5" eb="6">
      <t>コウ</t>
    </rPh>
    <phoneticPr fontId="1"/>
  </si>
  <si>
    <t>分校1校）</t>
  </si>
  <si>
    <t>〃五領ヶ台分校</t>
    <rPh sb="1" eb="3">
      <t>ゴリョウ</t>
    </rPh>
    <rPh sb="4" eb="5">
      <t>ダイ</t>
    </rPh>
    <rPh sb="5" eb="7">
      <t>ブンコウ</t>
    </rPh>
    <phoneticPr fontId="2"/>
  </si>
  <si>
    <t>ごりょうがだい</t>
    <phoneticPr fontId="1"/>
  </si>
  <si>
    <t>259-1213</t>
    <phoneticPr fontId="1"/>
  </si>
  <si>
    <t>平塚市片岡991-1</t>
    <rPh sb="0" eb="3">
      <t>ヒラツカシ</t>
    </rPh>
    <rPh sb="3" eb="5">
      <t>カタオカ</t>
    </rPh>
    <phoneticPr fontId="1"/>
  </si>
  <si>
    <t>厚木市緑ヶ丘4-1-1</t>
    <rPh sb="3" eb="6">
      <t>ミドリガオカ</t>
    </rPh>
    <phoneticPr fontId="1"/>
  </si>
  <si>
    <t>横須賀市西浦賀3-1-1</t>
    <phoneticPr fontId="1"/>
  </si>
  <si>
    <t>平塚市北金目2-39-1</t>
    <phoneticPr fontId="1"/>
  </si>
  <si>
    <t>鎌倉市関谷468-1</t>
    <phoneticPr fontId="1"/>
  </si>
  <si>
    <t>251-0053</t>
    <phoneticPr fontId="1"/>
  </si>
  <si>
    <t>252-0813</t>
    <phoneticPr fontId="1"/>
  </si>
  <si>
    <t>252-0816</t>
    <phoneticPr fontId="1"/>
  </si>
  <si>
    <t>小田原市根府川534-1</t>
    <phoneticPr fontId="1"/>
  </si>
  <si>
    <t>小田原市中曽根359-1</t>
    <phoneticPr fontId="1"/>
  </si>
  <si>
    <t>253-0036</t>
    <phoneticPr fontId="2"/>
  </si>
  <si>
    <t>253-0033</t>
    <phoneticPr fontId="1"/>
  </si>
  <si>
    <t>茅ヶ崎市汐見台3-11</t>
    <rPh sb="0" eb="4">
      <t>チガサキシ</t>
    </rPh>
    <rPh sb="4" eb="7">
      <t>シオミダイ</t>
    </rPh>
    <phoneticPr fontId="1"/>
  </si>
  <si>
    <t>249-0004</t>
    <phoneticPr fontId="1"/>
  </si>
  <si>
    <t>242-0023</t>
    <phoneticPr fontId="2"/>
  </si>
  <si>
    <t>大和市渋谷7-10</t>
    <rPh sb="3" eb="5">
      <t>シブヤ</t>
    </rPh>
    <phoneticPr fontId="1"/>
  </si>
  <si>
    <t>242-0008</t>
    <phoneticPr fontId="1"/>
  </si>
  <si>
    <t>大和市中央林間西5-3-1</t>
    <rPh sb="3" eb="7">
      <t>チュウオウリンカン</t>
    </rPh>
    <rPh sb="7" eb="8">
      <t>ニシ</t>
    </rPh>
    <phoneticPr fontId="1"/>
  </si>
  <si>
    <t>242-0007</t>
    <phoneticPr fontId="1"/>
  </si>
  <si>
    <t>大和市中央林間9-54-1</t>
    <rPh sb="3" eb="5">
      <t>チュウオウ</t>
    </rPh>
    <rPh sb="5" eb="7">
      <t>リンカン</t>
    </rPh>
    <phoneticPr fontId="1"/>
  </si>
  <si>
    <t>258-0029</t>
    <phoneticPr fontId="1"/>
  </si>
  <si>
    <t>清川村立緑小学校</t>
    <rPh sb="2" eb="3">
      <t>ムラ</t>
    </rPh>
    <rPh sb="3" eb="4">
      <t>リツ</t>
    </rPh>
    <rPh sb="4" eb="5">
      <t>リョク</t>
    </rPh>
    <phoneticPr fontId="1"/>
  </si>
  <si>
    <t>清川村立宮ヶ瀬小学校</t>
    <rPh sb="3" eb="4">
      <t>タ</t>
    </rPh>
    <phoneticPr fontId="1"/>
  </si>
  <si>
    <t>ファクシミリ</t>
    <phoneticPr fontId="1"/>
  </si>
  <si>
    <t>茅ヶ崎市茅ヶ崎1-6-1</t>
    <phoneticPr fontId="1"/>
  </si>
  <si>
    <t>(0463)56-0318</t>
    <phoneticPr fontId="1"/>
  </si>
  <si>
    <t>(0463)59-3815</t>
    <phoneticPr fontId="1"/>
  </si>
  <si>
    <t>252-0029</t>
    <phoneticPr fontId="1"/>
  </si>
  <si>
    <t>座間市入谷西5-8-1</t>
    <rPh sb="5" eb="6">
      <t>ニシ</t>
    </rPh>
    <phoneticPr fontId="1"/>
  </si>
  <si>
    <t>平塚市夕陽ケ丘22-1</t>
    <phoneticPr fontId="1"/>
  </si>
  <si>
    <t>平塚市龍城ケ丘5-62</t>
    <phoneticPr fontId="1"/>
  </si>
  <si>
    <t>鎌倉市立稲村ケ崎小学校</t>
    <phoneticPr fontId="1"/>
  </si>
  <si>
    <t>いまいずみ</t>
  </si>
  <si>
    <t>大和市立文ヶ岡小学校</t>
    <phoneticPr fontId="1"/>
  </si>
  <si>
    <t>三浦郡葉山町堀内2050-1</t>
    <rPh sb="0" eb="3">
      <t>ミウラグン</t>
    </rPh>
    <phoneticPr fontId="2"/>
  </si>
  <si>
    <t>三浦郡葉山町上山口158</t>
    <phoneticPr fontId="1"/>
  </si>
  <si>
    <t>三浦郡葉山町長柄130</t>
    <phoneticPr fontId="1"/>
  </si>
  <si>
    <t>三浦郡葉山町一色1060</t>
    <phoneticPr fontId="1"/>
  </si>
  <si>
    <t>高座郡寒川町宮山934</t>
    <rPh sb="0" eb="2">
      <t>コウザ</t>
    </rPh>
    <rPh sb="2" eb="3">
      <t>グン</t>
    </rPh>
    <phoneticPr fontId="1"/>
  </si>
  <si>
    <t>高座郡寒川町一之宮7-3-1</t>
    <phoneticPr fontId="1"/>
  </si>
  <si>
    <t>高座郡寒川町倉見1675-3</t>
    <phoneticPr fontId="1"/>
  </si>
  <si>
    <t>高座郡寒川町小谷4-5-1</t>
    <phoneticPr fontId="1"/>
  </si>
  <si>
    <t>高座郡寒川町一之宮9-9-1</t>
    <phoneticPr fontId="1"/>
  </si>
  <si>
    <t>中郡大磯町東小磯3</t>
    <rPh sb="0" eb="2">
      <t>ナカグン</t>
    </rPh>
    <phoneticPr fontId="1"/>
  </si>
  <si>
    <t>中郡大磯町月京18-1</t>
    <phoneticPr fontId="1"/>
  </si>
  <si>
    <t>中郡大磯町生沢530</t>
    <rPh sb="2" eb="5">
      <t>オオイソマチ</t>
    </rPh>
    <rPh sb="5" eb="7">
      <t>イクサワ</t>
    </rPh>
    <rPh sb="7" eb="10">
      <t>５２７バンチ</t>
    </rPh>
    <phoneticPr fontId="2"/>
  </si>
  <si>
    <t>中郡二宮町二宮872-1</t>
    <phoneticPr fontId="2"/>
  </si>
  <si>
    <t>中郡二宮町百合が丘2-7</t>
    <phoneticPr fontId="1"/>
  </si>
  <si>
    <t>中郡二宮町山西1401</t>
    <phoneticPr fontId="1"/>
  </si>
  <si>
    <t>足柄上郡中井町半分形350</t>
    <rPh sb="0" eb="4">
      <t>アシガラカミグン</t>
    </rPh>
    <phoneticPr fontId="1"/>
  </si>
  <si>
    <t>足柄上郡中井町井ノ口2005</t>
  </si>
  <si>
    <t>足柄上郡大井町金子1436</t>
    <phoneticPr fontId="1"/>
  </si>
  <si>
    <t>足柄上郡大井町山田580</t>
    <phoneticPr fontId="1"/>
  </si>
  <si>
    <t>足柄上郡大井町上大井171</t>
    <phoneticPr fontId="1"/>
  </si>
  <si>
    <t>足柄上郡松田町寄2540</t>
    <phoneticPr fontId="1"/>
  </si>
  <si>
    <t>足柄上郡山北町山北1002</t>
    <phoneticPr fontId="1"/>
  </si>
  <si>
    <t>足柄上郡開成町延沢625</t>
    <phoneticPr fontId="1"/>
  </si>
  <si>
    <t>足柄上郡開成町みなみ2-2-1</t>
    <rPh sb="4" eb="7">
      <t>カイセイチョウ</t>
    </rPh>
    <phoneticPr fontId="1"/>
  </si>
  <si>
    <t>いのくち</t>
  </si>
  <si>
    <t>なかむら</t>
  </si>
  <si>
    <t>足柄下郡箱根町湯本399</t>
    <rPh sb="0" eb="4">
      <t>アシガラシモグン</t>
    </rPh>
    <phoneticPr fontId="1"/>
  </si>
  <si>
    <t>足柄下郡箱根町宮城野225</t>
    <phoneticPr fontId="2"/>
  </si>
  <si>
    <t>足柄下郡箱根町仙石原981</t>
    <phoneticPr fontId="1"/>
  </si>
  <si>
    <t>足柄下郡真鶴町真鶴543</t>
    <phoneticPr fontId="1"/>
  </si>
  <si>
    <t>足柄下郡湯河原町宮上11</t>
    <phoneticPr fontId="1"/>
  </si>
  <si>
    <t>足柄下郡湯河原町吉浜1300</t>
    <phoneticPr fontId="1"/>
  </si>
  <si>
    <t>足柄下郡湯河原町吉浜216</t>
    <phoneticPr fontId="1"/>
  </si>
  <si>
    <t>愛甲郡愛川町中津544</t>
    <rPh sb="0" eb="3">
      <t>アイコウグン</t>
    </rPh>
    <phoneticPr fontId="1"/>
  </si>
  <si>
    <t>愛甲郡愛川町三増767</t>
    <phoneticPr fontId="1"/>
  </si>
  <si>
    <t>愛甲郡愛川町田代500</t>
    <phoneticPr fontId="1"/>
  </si>
  <si>
    <t>愛甲郡愛川町半原2201</t>
    <phoneticPr fontId="1"/>
  </si>
  <si>
    <t>愛甲郡愛川町春日台2-9-1</t>
    <phoneticPr fontId="1"/>
  </si>
  <si>
    <t>愛甲郡愛川町中津1103</t>
    <phoneticPr fontId="1"/>
  </si>
  <si>
    <t>愛甲郡清川村煤ヶ谷2076</t>
    <phoneticPr fontId="1"/>
  </si>
  <si>
    <t>愛甲郡清川村宮ヶ瀬954-1</t>
    <phoneticPr fontId="1"/>
  </si>
  <si>
    <t>山北町（本校1校）</t>
    <rPh sb="0" eb="3">
      <t>ヤマキタマチ</t>
    </rPh>
    <phoneticPr fontId="1"/>
  </si>
  <si>
    <r>
      <t>藤沢市本町1</t>
    </r>
    <r>
      <rPr>
        <sz val="11"/>
        <rFont val="ＭＳ Ｐゴシック"/>
        <family val="3"/>
        <charset val="128"/>
      </rPr>
      <t>-9-1</t>
    </r>
    <phoneticPr fontId="1"/>
  </si>
  <si>
    <r>
      <t>逗子市沼間1</t>
    </r>
    <r>
      <rPr>
        <sz val="11"/>
        <rFont val="ＭＳ Ｐゴシック"/>
        <family val="3"/>
        <charset val="128"/>
      </rPr>
      <t>-7-18</t>
    </r>
    <phoneticPr fontId="1"/>
  </si>
  <si>
    <t>254-0012</t>
    <phoneticPr fontId="1"/>
  </si>
  <si>
    <t>足柄上郡松田町松田庶子200</t>
    <phoneticPr fontId="1"/>
  </si>
  <si>
    <t>(0467)75-2589</t>
    <phoneticPr fontId="1"/>
  </si>
  <si>
    <t>(0467)75-0093</t>
    <phoneticPr fontId="1"/>
  </si>
  <si>
    <t>(0467)75-2586</t>
    <phoneticPr fontId="1"/>
  </si>
  <si>
    <t>(0467)75-3215</t>
    <phoneticPr fontId="1"/>
  </si>
  <si>
    <t>(0467)74-7496</t>
    <phoneticPr fontId="1"/>
  </si>
  <si>
    <t>ひきじだい</t>
    <phoneticPr fontId="1"/>
  </si>
  <si>
    <r>
      <t>海老名市社家</t>
    </r>
    <r>
      <rPr>
        <sz val="11"/>
        <rFont val="ＭＳ Ｐゴシック"/>
        <family val="3"/>
        <charset val="128"/>
      </rPr>
      <t>5-10-1</t>
    </r>
    <phoneticPr fontId="1"/>
  </si>
  <si>
    <t>243-0218</t>
    <phoneticPr fontId="1"/>
  </si>
  <si>
    <t>厚木市飯山南4-9-1</t>
    <phoneticPr fontId="1"/>
  </si>
  <si>
    <t>平塚市山下3-25-1</t>
    <phoneticPr fontId="1"/>
  </si>
  <si>
    <t>平塚市立山下小学校</t>
    <phoneticPr fontId="1"/>
  </si>
  <si>
    <t>254-0911</t>
    <phoneticPr fontId="1"/>
  </si>
  <si>
    <t>厚木市立小鮎小学校</t>
    <phoneticPr fontId="1"/>
  </si>
  <si>
    <t>南足柄市</t>
    <rPh sb="0" eb="4">
      <t>ミナミアシガラシ</t>
    </rPh>
    <phoneticPr fontId="1"/>
  </si>
  <si>
    <t>（本校５校）</t>
    <rPh sb="1" eb="3">
      <t>ホンコウ</t>
    </rPh>
    <rPh sb="4" eb="5">
      <t>コウ</t>
    </rPh>
    <phoneticPr fontId="1"/>
  </si>
  <si>
    <t>平塚市大神5-13-1</t>
    <phoneticPr fontId="2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※休校中</t>
    <rPh sb="1" eb="3">
      <t>キュウコウ</t>
    </rPh>
    <rPh sb="3" eb="4">
      <t>チ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sz val="11"/>
      <color indexed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4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5" fillId="0" borderId="0"/>
  </cellStyleXfs>
  <cellXfs count="98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Alignment="1">
      <alignment horizontal="center"/>
    </xf>
    <xf numFmtId="0" fontId="3" fillId="0" borderId="0" xfId="0" applyFont="1" applyFill="1"/>
    <xf numFmtId="0" fontId="5" fillId="0" borderId="0" xfId="0" applyFont="1" applyFill="1"/>
    <xf numFmtId="0" fontId="4" fillId="0" borderId="0" xfId="0" applyFont="1" applyFill="1" applyBorder="1" applyAlignment="1">
      <alignment vertical="center"/>
    </xf>
    <xf numFmtId="0" fontId="0" fillId="2" borderId="35" xfId="0" applyFont="1" applyFill="1" applyBorder="1" applyAlignment="1">
      <alignment horizontal="center" vertical="center"/>
    </xf>
    <xf numFmtId="0" fontId="5" fillId="0" borderId="0" xfId="1" applyFont="1" applyFill="1"/>
    <xf numFmtId="0" fontId="5" fillId="0" borderId="0" xfId="0" applyFont="1" applyFill="1" applyBorder="1"/>
    <xf numFmtId="0" fontId="0" fillId="0" borderId="5" xfId="0" applyNumberFormat="1" applyFont="1" applyFill="1" applyBorder="1" applyAlignment="1">
      <alignment horizontal="left" vertical="center" shrinkToFit="1"/>
    </xf>
    <xf numFmtId="0" fontId="0" fillId="0" borderId="4" xfId="0" applyNumberFormat="1" applyFont="1" applyFill="1" applyBorder="1" applyAlignment="1">
      <alignment horizontal="left" vertical="center" shrinkToFit="1"/>
    </xf>
    <xf numFmtId="0" fontId="0" fillId="0" borderId="2" xfId="0" applyNumberFormat="1" applyFont="1" applyFill="1" applyBorder="1" applyAlignment="1">
      <alignment horizontal="left" vertical="center" shrinkToFit="1"/>
    </xf>
    <xf numFmtId="0" fontId="0" fillId="0" borderId="8" xfId="0" applyNumberFormat="1" applyFont="1" applyFill="1" applyBorder="1" applyAlignment="1">
      <alignment horizontal="left" vertical="center" shrinkToFit="1"/>
    </xf>
    <xf numFmtId="0" fontId="0" fillId="0" borderId="12" xfId="0" applyNumberFormat="1" applyFont="1" applyFill="1" applyBorder="1" applyAlignment="1">
      <alignment horizontal="left" vertical="center" shrinkToFit="1"/>
    </xf>
    <xf numFmtId="0" fontId="0" fillId="0" borderId="22" xfId="0" applyNumberFormat="1" applyFont="1" applyFill="1" applyBorder="1" applyAlignment="1">
      <alignment horizontal="left" vertical="center" shrinkToFit="1"/>
    </xf>
    <xf numFmtId="0" fontId="0" fillId="0" borderId="15" xfId="0" applyNumberFormat="1" applyFont="1" applyFill="1" applyBorder="1" applyAlignment="1">
      <alignment horizontal="left" vertical="center" shrinkToFit="1"/>
    </xf>
    <xf numFmtId="0" fontId="0" fillId="0" borderId="13" xfId="0" applyNumberFormat="1" applyFont="1" applyFill="1" applyBorder="1" applyAlignment="1">
      <alignment horizontal="left" vertical="center" shrinkToFit="1"/>
    </xf>
    <xf numFmtId="0" fontId="0" fillId="0" borderId="33" xfId="0" applyNumberFormat="1" applyFont="1" applyFill="1" applyBorder="1" applyAlignment="1">
      <alignment horizontal="left" vertical="center" shrinkToFit="1"/>
    </xf>
    <xf numFmtId="0" fontId="0" fillId="0" borderId="37" xfId="0" applyNumberFormat="1" applyFont="1" applyFill="1" applyBorder="1" applyAlignment="1">
      <alignment horizontal="center" vertical="center" shrinkToFit="1"/>
    </xf>
    <xf numFmtId="0" fontId="0" fillId="0" borderId="42" xfId="0" applyNumberFormat="1" applyFont="1" applyFill="1" applyBorder="1" applyAlignment="1">
      <alignment horizontal="center" vertical="center" shrinkToFit="1"/>
    </xf>
    <xf numFmtId="0" fontId="0" fillId="0" borderId="0" xfId="0" applyFont="1"/>
    <xf numFmtId="0" fontId="0" fillId="0" borderId="0" xfId="0" applyFont="1" applyFill="1"/>
    <xf numFmtId="0" fontId="0" fillId="0" borderId="0" xfId="0" applyFont="1" applyFill="1" applyAlignment="1">
      <alignment horizontal="center"/>
    </xf>
    <xf numFmtId="0" fontId="0" fillId="0" borderId="0" xfId="0" applyFont="1" applyAlignment="1">
      <alignment horizontal="center"/>
    </xf>
    <xf numFmtId="0" fontId="0" fillId="0" borderId="1" xfId="0" applyFont="1" applyBorder="1"/>
    <xf numFmtId="0" fontId="0" fillId="2" borderId="42" xfId="0" applyFont="1" applyFill="1" applyBorder="1" applyAlignment="1">
      <alignment horizontal="center" vertical="center"/>
    </xf>
    <xf numFmtId="0" fontId="0" fillId="2" borderId="34" xfId="0" applyFont="1" applyFill="1" applyBorder="1" applyAlignment="1">
      <alignment horizontal="center" vertical="center"/>
    </xf>
    <xf numFmtId="0" fontId="0" fillId="2" borderId="33" xfId="0" applyFont="1" applyFill="1" applyBorder="1" applyAlignment="1">
      <alignment horizontal="center" vertical="center"/>
    </xf>
    <xf numFmtId="0" fontId="0" fillId="0" borderId="37" xfId="1" applyNumberFormat="1" applyFont="1" applyFill="1" applyBorder="1" applyAlignment="1">
      <alignment horizontal="center" vertical="center" shrinkToFit="1"/>
    </xf>
    <xf numFmtId="0" fontId="0" fillId="0" borderId="0" xfId="1" applyNumberFormat="1" applyFont="1" applyFill="1" applyBorder="1" applyAlignment="1">
      <alignment horizontal="left" vertical="center" shrinkToFit="1"/>
    </xf>
    <xf numFmtId="0" fontId="0" fillId="0" borderId="2" xfId="1" applyNumberFormat="1" applyFont="1" applyFill="1" applyBorder="1" applyAlignment="1">
      <alignment horizontal="left" vertical="center" shrinkToFit="1"/>
    </xf>
    <xf numFmtId="0" fontId="0" fillId="0" borderId="0" xfId="1" applyNumberFormat="1" applyFont="1" applyFill="1" applyBorder="1" applyAlignment="1">
      <alignment horizontal="center" vertical="center" shrinkToFit="1"/>
    </xf>
    <xf numFmtId="0" fontId="0" fillId="0" borderId="2" xfId="1" applyNumberFormat="1" applyFont="1" applyFill="1" applyBorder="1" applyAlignment="1">
      <alignment horizontal="center" vertical="center" shrinkToFit="1"/>
    </xf>
    <xf numFmtId="0" fontId="0" fillId="0" borderId="3" xfId="1" applyNumberFormat="1" applyFont="1" applyFill="1" applyBorder="1" applyAlignment="1">
      <alignment horizontal="center" vertical="center" shrinkToFit="1"/>
    </xf>
    <xf numFmtId="0" fontId="0" fillId="0" borderId="38" xfId="1" applyNumberFormat="1" applyFont="1" applyFill="1" applyBorder="1" applyAlignment="1">
      <alignment horizontal="center" vertical="center" shrinkToFit="1"/>
    </xf>
    <xf numFmtId="0" fontId="0" fillId="0" borderId="4" xfId="1" applyNumberFormat="1" applyFont="1" applyFill="1" applyBorder="1" applyAlignment="1">
      <alignment horizontal="left" vertical="center" shrinkToFit="1"/>
    </xf>
    <xf numFmtId="0" fontId="0" fillId="0" borderId="5" xfId="1" applyNumberFormat="1" applyFont="1" applyFill="1" applyBorder="1" applyAlignment="1">
      <alignment horizontal="left" vertical="center" shrinkToFit="1"/>
    </xf>
    <xf numFmtId="0" fontId="0" fillId="0" borderId="6" xfId="1" applyNumberFormat="1" applyFont="1" applyFill="1" applyBorder="1" applyAlignment="1">
      <alignment horizontal="center" vertical="center" shrinkToFit="1"/>
    </xf>
    <xf numFmtId="0" fontId="0" fillId="0" borderId="5" xfId="1" applyNumberFormat="1" applyFont="1" applyFill="1" applyBorder="1" applyAlignment="1">
      <alignment horizontal="center" vertical="center" shrinkToFit="1"/>
    </xf>
    <xf numFmtId="0" fontId="0" fillId="0" borderId="7" xfId="1" applyNumberFormat="1" applyFont="1" applyFill="1" applyBorder="1" applyAlignment="1">
      <alignment horizontal="center" vertical="center" shrinkToFit="1"/>
    </xf>
    <xf numFmtId="0" fontId="0" fillId="0" borderId="39" xfId="1" applyNumberFormat="1" applyFont="1" applyFill="1" applyBorder="1" applyAlignment="1">
      <alignment horizontal="center" vertical="center" shrinkToFit="1"/>
    </xf>
    <xf numFmtId="0" fontId="0" fillId="0" borderId="40" xfId="1" applyNumberFormat="1" applyFont="1" applyFill="1" applyBorder="1" applyAlignment="1">
      <alignment horizontal="center" vertical="center" shrinkToFit="1"/>
    </xf>
    <xf numFmtId="0" fontId="0" fillId="0" borderId="1" xfId="1" applyNumberFormat="1" applyFont="1" applyFill="1" applyBorder="1" applyAlignment="1">
      <alignment horizontal="left" vertical="center" shrinkToFit="1"/>
    </xf>
    <xf numFmtId="0" fontId="0" fillId="0" borderId="8" xfId="1" applyNumberFormat="1" applyFont="1" applyFill="1" applyBorder="1" applyAlignment="1">
      <alignment horizontal="left" vertical="center" shrinkToFit="1"/>
    </xf>
    <xf numFmtId="0" fontId="0" fillId="0" borderId="1" xfId="1" applyNumberFormat="1" applyFont="1" applyFill="1" applyBorder="1" applyAlignment="1">
      <alignment horizontal="center" vertical="center" shrinkToFit="1"/>
    </xf>
    <xf numFmtId="0" fontId="0" fillId="0" borderId="8" xfId="1" applyNumberFormat="1" applyFont="1" applyFill="1" applyBorder="1" applyAlignment="1">
      <alignment horizontal="center" vertical="center" shrinkToFit="1"/>
    </xf>
    <xf numFmtId="0" fontId="0" fillId="0" borderId="9" xfId="1" applyNumberFormat="1" applyFont="1" applyFill="1" applyBorder="1" applyAlignment="1">
      <alignment horizontal="center" vertical="center" shrinkToFit="1"/>
    </xf>
    <xf numFmtId="0" fontId="0" fillId="0" borderId="41" xfId="0" applyNumberFormat="1" applyFont="1" applyFill="1" applyBorder="1" applyAlignment="1">
      <alignment horizontal="center" vertical="center" shrinkToFit="1"/>
    </xf>
    <xf numFmtId="0" fontId="0" fillId="0" borderId="0" xfId="0" applyNumberFormat="1" applyFont="1" applyFill="1" applyBorder="1" applyAlignment="1">
      <alignment horizontal="center" vertical="center" shrinkToFit="1"/>
    </xf>
    <xf numFmtId="0" fontId="0" fillId="0" borderId="2" xfId="0" applyNumberFormat="1" applyFont="1" applyFill="1" applyBorder="1" applyAlignment="1">
      <alignment horizontal="center" vertical="center" shrinkToFit="1"/>
    </xf>
    <xf numFmtId="0" fontId="0" fillId="0" borderId="3" xfId="0" applyNumberFormat="1" applyFont="1" applyFill="1" applyBorder="1" applyAlignment="1">
      <alignment horizontal="center" vertical="center" shrinkToFit="1"/>
    </xf>
    <xf numFmtId="0" fontId="0" fillId="0" borderId="38" xfId="0" applyNumberFormat="1" applyFont="1" applyFill="1" applyBorder="1" applyAlignment="1">
      <alignment horizontal="center" vertical="center" shrinkToFit="1"/>
    </xf>
    <xf numFmtId="0" fontId="0" fillId="0" borderId="6" xfId="0" applyNumberFormat="1" applyFont="1" applyFill="1" applyBorder="1" applyAlignment="1">
      <alignment horizontal="center" vertical="center" shrinkToFit="1"/>
    </xf>
    <xf numFmtId="0" fontId="0" fillId="0" borderId="5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0" fillId="0" borderId="39" xfId="0" applyNumberFormat="1" applyFont="1" applyFill="1" applyBorder="1" applyAlignment="1">
      <alignment horizontal="center" vertical="center" shrinkToFit="1"/>
    </xf>
    <xf numFmtId="0" fontId="0" fillId="0" borderId="40" xfId="0" applyNumberFormat="1" applyFont="1" applyFill="1" applyBorder="1" applyAlignment="1">
      <alignment horizontal="center" vertical="center" shrinkToFit="1"/>
    </xf>
    <xf numFmtId="0" fontId="0" fillId="0" borderId="1" xfId="0" applyNumberFormat="1" applyFont="1" applyFill="1" applyBorder="1" applyAlignment="1">
      <alignment horizontal="left" vertical="center" shrinkToFit="1"/>
    </xf>
    <xf numFmtId="0" fontId="0" fillId="0" borderId="1" xfId="0" applyNumberFormat="1" applyFont="1" applyFill="1" applyBorder="1" applyAlignment="1">
      <alignment horizontal="center" vertical="center" shrinkToFit="1"/>
    </xf>
    <xf numFmtId="0" fontId="0" fillId="0" borderId="8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horizontal="center" vertical="center" shrinkToFit="1"/>
    </xf>
    <xf numFmtId="0" fontId="0" fillId="0" borderId="0" xfId="0" applyNumberFormat="1" applyFont="1" applyFill="1" applyBorder="1" applyAlignment="1">
      <alignment horizontal="left" vertical="center" shrinkToFit="1"/>
    </xf>
    <xf numFmtId="0" fontId="0" fillId="0" borderId="6" xfId="0" applyNumberFormat="1" applyFont="1" applyFill="1" applyBorder="1" applyAlignment="1">
      <alignment horizontal="left" vertical="center" shrinkToFit="1"/>
    </xf>
    <xf numFmtId="0" fontId="0" fillId="0" borderId="26" xfId="0" applyNumberFormat="1" applyFont="1" applyFill="1" applyBorder="1" applyAlignment="1">
      <alignment horizontal="center" vertical="center" shrinkToFit="1"/>
    </xf>
    <xf numFmtId="0" fontId="0" fillId="0" borderId="36" xfId="0" applyNumberFormat="1" applyFont="1" applyFill="1" applyBorder="1" applyAlignment="1">
      <alignment horizontal="center" vertical="center" shrinkToFit="1"/>
    </xf>
    <xf numFmtId="0" fontId="0" fillId="0" borderId="10" xfId="0" applyNumberFormat="1" applyFont="1" applyFill="1" applyBorder="1" applyAlignment="1">
      <alignment horizontal="center" vertical="center" shrinkToFit="1"/>
    </xf>
    <xf numFmtId="0" fontId="0" fillId="0" borderId="25" xfId="0" applyNumberFormat="1" applyFont="1" applyFill="1" applyBorder="1" applyAlignment="1">
      <alignment horizontal="left" vertical="center" shrinkToFit="1"/>
    </xf>
    <xf numFmtId="0" fontId="0" fillId="0" borderId="24" xfId="0" applyNumberFormat="1" applyFont="1" applyFill="1" applyBorder="1" applyAlignment="1">
      <alignment horizontal="left" vertical="center" shrinkToFit="1"/>
    </xf>
    <xf numFmtId="0" fontId="0" fillId="0" borderId="27" xfId="0" applyNumberFormat="1" applyFont="1" applyFill="1" applyBorder="1" applyAlignment="1">
      <alignment horizontal="center" vertical="center" shrinkToFit="1"/>
    </xf>
    <xf numFmtId="0" fontId="0" fillId="0" borderId="13" xfId="0" applyNumberFormat="1" applyFont="1" applyFill="1" applyBorder="1" applyAlignment="1">
      <alignment horizontal="center" vertical="center" shrinkToFit="1"/>
    </xf>
    <xf numFmtId="0" fontId="0" fillId="0" borderId="28" xfId="0" applyNumberFormat="1" applyFont="1" applyFill="1" applyBorder="1" applyAlignment="1">
      <alignment horizontal="center" vertical="center" shrinkToFit="1"/>
    </xf>
    <xf numFmtId="0" fontId="0" fillId="0" borderId="29" xfId="0" applyNumberFormat="1" applyFont="1" applyFill="1" applyBorder="1" applyAlignment="1">
      <alignment horizontal="left" vertical="center" shrinkToFit="1"/>
    </xf>
    <xf numFmtId="0" fontId="0" fillId="0" borderId="30" xfId="0" applyNumberFormat="1" applyFont="1" applyFill="1" applyBorder="1" applyAlignment="1">
      <alignment horizontal="center" vertical="center" shrinkToFit="1"/>
    </xf>
    <xf numFmtId="0" fontId="0" fillId="0" borderId="15" xfId="0" applyNumberFormat="1" applyFont="1" applyFill="1" applyBorder="1" applyAlignment="1">
      <alignment horizontal="center" vertical="center" shrinkToFit="1"/>
    </xf>
    <xf numFmtId="0" fontId="0" fillId="0" borderId="31" xfId="0" applyNumberFormat="1" applyFont="1" applyFill="1" applyBorder="1" applyAlignment="1">
      <alignment horizontal="center" vertical="center" shrinkToFit="1"/>
    </xf>
    <xf numFmtId="0" fontId="0" fillId="0" borderId="11" xfId="0" applyNumberFormat="1" applyFont="1" applyFill="1" applyBorder="1" applyAlignment="1">
      <alignment horizontal="center" vertical="center" shrinkToFit="1"/>
    </xf>
    <xf numFmtId="0" fontId="0" fillId="0" borderId="17" xfId="0" applyNumberFormat="1" applyFont="1" applyFill="1" applyBorder="1" applyAlignment="1">
      <alignment horizontal="center" vertical="center" shrinkToFit="1"/>
    </xf>
    <xf numFmtId="0" fontId="0" fillId="0" borderId="16" xfId="0" applyNumberFormat="1" applyFont="1" applyFill="1" applyBorder="1" applyAlignment="1">
      <alignment horizontal="left" vertical="center" shrinkToFit="1"/>
    </xf>
    <xf numFmtId="0" fontId="0" fillId="0" borderId="18" xfId="0" applyNumberFormat="1" applyFont="1" applyFill="1" applyBorder="1" applyAlignment="1">
      <alignment horizontal="left" vertical="center" shrinkToFit="1"/>
    </xf>
    <xf numFmtId="0" fontId="0" fillId="0" borderId="19" xfId="0" applyNumberFormat="1" applyFont="1" applyFill="1" applyBorder="1" applyAlignment="1">
      <alignment horizontal="center" vertical="center" shrinkToFit="1"/>
    </xf>
    <xf numFmtId="0" fontId="0" fillId="0" borderId="12" xfId="0" applyNumberFormat="1" applyFont="1" applyFill="1" applyBorder="1" applyAlignment="1">
      <alignment horizontal="center" vertical="center" shrinkToFit="1"/>
    </xf>
    <xf numFmtId="0" fontId="0" fillId="0" borderId="20" xfId="0" applyNumberFormat="1" applyFont="1" applyFill="1" applyBorder="1" applyAlignment="1">
      <alignment horizontal="center" vertical="center" shrinkToFit="1"/>
    </xf>
    <xf numFmtId="0" fontId="0" fillId="0" borderId="21" xfId="0" applyNumberFormat="1" applyFont="1" applyFill="1" applyBorder="1" applyAlignment="1">
      <alignment horizontal="left" vertical="center" shrinkToFit="1"/>
    </xf>
    <xf numFmtId="0" fontId="0" fillId="0" borderId="21" xfId="0" applyNumberFormat="1" applyFont="1" applyFill="1" applyBorder="1" applyAlignment="1">
      <alignment horizontal="center" vertical="center" shrinkToFit="1"/>
    </xf>
    <xf numFmtId="0" fontId="0" fillId="0" borderId="22" xfId="0" applyNumberFormat="1" applyFont="1" applyFill="1" applyBorder="1" applyAlignment="1">
      <alignment horizontal="center" vertical="center" shrinkToFit="1"/>
    </xf>
    <xf numFmtId="0" fontId="0" fillId="0" borderId="23" xfId="0" applyNumberFormat="1" applyFont="1" applyFill="1" applyBorder="1" applyAlignment="1">
      <alignment horizontal="center" vertical="center" shrinkToFit="1"/>
    </xf>
    <xf numFmtId="0" fontId="0" fillId="0" borderId="34" xfId="0" applyNumberFormat="1" applyFont="1" applyFill="1" applyBorder="1" applyAlignment="1">
      <alignment horizontal="left" vertical="center" shrinkToFit="1"/>
    </xf>
    <xf numFmtId="0" fontId="0" fillId="0" borderId="34" xfId="0" applyNumberFormat="1" applyFont="1" applyFill="1" applyBorder="1" applyAlignment="1">
      <alignment horizontal="center" vertical="center" shrinkToFit="1"/>
    </xf>
    <xf numFmtId="0" fontId="0" fillId="0" borderId="33" xfId="0" applyNumberFormat="1" applyFont="1" applyFill="1" applyBorder="1" applyAlignment="1">
      <alignment horizontal="center" vertical="center" shrinkToFit="1"/>
    </xf>
    <xf numFmtId="0" fontId="0" fillId="0" borderId="35" xfId="0" applyNumberFormat="1" applyFont="1" applyFill="1" applyBorder="1" applyAlignment="1">
      <alignment horizontal="center" vertical="center" shrinkToFit="1"/>
    </xf>
    <xf numFmtId="0" fontId="0" fillId="0" borderId="14" xfId="0" applyNumberFormat="1" applyFont="1" applyFill="1" applyBorder="1" applyAlignment="1">
      <alignment horizontal="center" vertical="center" shrinkToFit="1"/>
    </xf>
    <xf numFmtId="0" fontId="0" fillId="0" borderId="32" xfId="0" applyNumberFormat="1" applyFont="1" applyFill="1" applyBorder="1" applyAlignment="1">
      <alignment horizontal="left" vertical="center" shrinkToFit="1"/>
    </xf>
    <xf numFmtId="0" fontId="0" fillId="0" borderId="0" xfId="0" applyFont="1" applyFill="1" applyBorder="1" applyAlignment="1">
      <alignment horizontal="center" vertical="top" wrapText="1"/>
    </xf>
    <xf numFmtId="0" fontId="0" fillId="0" borderId="0" xfId="0" applyFont="1" applyFill="1" applyBorder="1" applyAlignment="1">
      <alignment horizontal="center"/>
    </xf>
    <xf numFmtId="0" fontId="0" fillId="0" borderId="38" xfId="0" applyNumberFormat="1" applyFont="1" applyFill="1" applyBorder="1" applyAlignment="1">
      <alignment horizontal="center" vertical="center" wrapText="1" shrinkToFit="1"/>
    </xf>
    <xf numFmtId="0" fontId="5" fillId="0" borderId="0" xfId="0" applyFont="1" applyFill="1" applyAlignment="1">
      <alignment horizontal="center"/>
    </xf>
    <xf numFmtId="0" fontId="0" fillId="0" borderId="1" xfId="0" applyFont="1" applyFill="1" applyBorder="1" applyAlignment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K401"/>
  <sheetViews>
    <sheetView showGridLines="0" tabSelected="1" zoomScaleNormal="100" zoomScaleSheetLayoutView="75" workbookViewId="0">
      <pane ySplit="4" topLeftCell="A314" activePane="bottomLeft" state="frozen"/>
      <selection pane="bottomLeft" activeCell="J325" sqref="J325"/>
    </sheetView>
  </sheetViews>
  <sheetFormatPr defaultRowHeight="13" x14ac:dyDescent="0.2"/>
  <cols>
    <col min="1" max="1" width="1.1796875" style="2" customWidth="1"/>
    <col min="2" max="2" width="14.08984375" style="23" customWidth="1"/>
    <col min="3" max="3" width="25.08984375" style="21" customWidth="1"/>
    <col min="4" max="4" width="18.08984375" style="21" customWidth="1"/>
    <col min="5" max="5" width="9" style="24" customWidth="1"/>
    <col min="6" max="6" width="27.6328125" style="21" customWidth="1"/>
    <col min="7" max="8" width="14.1796875" style="24" customWidth="1"/>
    <col min="9" max="9" width="9.81640625" customWidth="1"/>
    <col min="10" max="10" width="21.36328125" customWidth="1"/>
    <col min="11" max="11" width="13.453125" customWidth="1"/>
    <col min="13" max="13" width="25.36328125" customWidth="1"/>
  </cols>
  <sheetData>
    <row r="2" spans="1:8" x14ac:dyDescent="0.2">
      <c r="B2" s="6" t="s">
        <v>398</v>
      </c>
      <c r="D2" s="22"/>
      <c r="E2" s="23"/>
    </row>
    <row r="3" spans="1:8" ht="13.5" thickBot="1" x14ac:dyDescent="0.25">
      <c r="F3" s="25"/>
      <c r="G3" s="97" t="s">
        <v>1962</v>
      </c>
      <c r="H3" s="97"/>
    </row>
    <row r="4" spans="1:8" s="1" customFormat="1" ht="30" customHeight="1" thickBot="1" x14ac:dyDescent="0.25">
      <c r="A4" s="3"/>
      <c r="B4" s="26" t="s">
        <v>1131</v>
      </c>
      <c r="C4" s="27" t="s">
        <v>1132</v>
      </c>
      <c r="D4" s="28" t="s">
        <v>2</v>
      </c>
      <c r="E4" s="27" t="s">
        <v>1133</v>
      </c>
      <c r="F4" s="28" t="s">
        <v>1134</v>
      </c>
      <c r="G4" s="28" t="s">
        <v>1135</v>
      </c>
      <c r="H4" s="7" t="s">
        <v>1889</v>
      </c>
    </row>
    <row r="5" spans="1:8" s="8" customFormat="1" ht="13.5" customHeight="1" x14ac:dyDescent="0.2">
      <c r="B5" s="29" t="s">
        <v>778</v>
      </c>
      <c r="C5" s="30" t="s">
        <v>1856</v>
      </c>
      <c r="D5" s="31" t="s">
        <v>3</v>
      </c>
      <c r="E5" s="32" t="s">
        <v>779</v>
      </c>
      <c r="F5" s="31" t="s">
        <v>780</v>
      </c>
      <c r="G5" s="33" t="s">
        <v>1142</v>
      </c>
      <c r="H5" s="34" t="s">
        <v>1277</v>
      </c>
    </row>
    <row r="6" spans="1:8" s="8" customFormat="1" ht="13.5" customHeight="1" x14ac:dyDescent="0.2">
      <c r="B6" s="35" t="s">
        <v>284</v>
      </c>
      <c r="C6" s="36" t="s">
        <v>781</v>
      </c>
      <c r="D6" s="37" t="s">
        <v>4</v>
      </c>
      <c r="E6" s="38" t="s">
        <v>782</v>
      </c>
      <c r="F6" s="37" t="s">
        <v>783</v>
      </c>
      <c r="G6" s="39" t="s">
        <v>1143</v>
      </c>
      <c r="H6" s="40" t="s">
        <v>1278</v>
      </c>
    </row>
    <row r="7" spans="1:8" s="8" customFormat="1" ht="13.5" customHeight="1" x14ac:dyDescent="0.2">
      <c r="B7" s="41"/>
      <c r="C7" s="36" t="s">
        <v>784</v>
      </c>
      <c r="D7" s="37" t="s">
        <v>5</v>
      </c>
      <c r="E7" s="38" t="s">
        <v>785</v>
      </c>
      <c r="F7" s="37" t="s">
        <v>786</v>
      </c>
      <c r="G7" s="39" t="s">
        <v>1144</v>
      </c>
      <c r="H7" s="40" t="s">
        <v>1279</v>
      </c>
    </row>
    <row r="8" spans="1:8" s="8" customFormat="1" ht="13.5" customHeight="1" x14ac:dyDescent="0.2">
      <c r="B8" s="41"/>
      <c r="C8" s="36" t="s">
        <v>787</v>
      </c>
      <c r="D8" s="37" t="s">
        <v>6</v>
      </c>
      <c r="E8" s="38" t="s">
        <v>788</v>
      </c>
      <c r="F8" s="37" t="s">
        <v>789</v>
      </c>
      <c r="G8" s="39" t="s">
        <v>1145</v>
      </c>
      <c r="H8" s="40" t="s">
        <v>1280</v>
      </c>
    </row>
    <row r="9" spans="1:8" s="8" customFormat="1" ht="13.5" customHeight="1" x14ac:dyDescent="0.2">
      <c r="B9" s="41"/>
      <c r="C9" s="36" t="s">
        <v>790</v>
      </c>
      <c r="D9" s="37" t="s">
        <v>7</v>
      </c>
      <c r="E9" s="38" t="s">
        <v>791</v>
      </c>
      <c r="F9" s="37" t="s">
        <v>792</v>
      </c>
      <c r="G9" s="39" t="s">
        <v>1146</v>
      </c>
      <c r="H9" s="40" t="s">
        <v>1281</v>
      </c>
    </row>
    <row r="10" spans="1:8" s="8" customFormat="1" ht="13.5" customHeight="1" x14ac:dyDescent="0.2">
      <c r="B10" s="41"/>
      <c r="C10" s="36" t="s">
        <v>793</v>
      </c>
      <c r="D10" s="37" t="s">
        <v>8</v>
      </c>
      <c r="E10" s="38" t="s">
        <v>794</v>
      </c>
      <c r="F10" s="37" t="s">
        <v>795</v>
      </c>
      <c r="G10" s="39" t="s">
        <v>1147</v>
      </c>
      <c r="H10" s="40" t="s">
        <v>1282</v>
      </c>
    </row>
    <row r="11" spans="1:8" s="8" customFormat="1" ht="15" customHeight="1" x14ac:dyDescent="0.2">
      <c r="B11" s="41"/>
      <c r="C11" s="36" t="s">
        <v>796</v>
      </c>
      <c r="D11" s="37" t="s">
        <v>9</v>
      </c>
      <c r="E11" s="38" t="s">
        <v>797</v>
      </c>
      <c r="F11" s="37" t="s">
        <v>798</v>
      </c>
      <c r="G11" s="39" t="s">
        <v>1148</v>
      </c>
      <c r="H11" s="40" t="s">
        <v>1283</v>
      </c>
    </row>
    <row r="12" spans="1:8" s="8" customFormat="1" ht="13.5" customHeight="1" x14ac:dyDescent="0.2">
      <c r="B12" s="41"/>
      <c r="C12" s="36" t="s">
        <v>799</v>
      </c>
      <c r="D12" s="37" t="s">
        <v>10</v>
      </c>
      <c r="E12" s="38" t="s">
        <v>800</v>
      </c>
      <c r="F12" s="37" t="s">
        <v>801</v>
      </c>
      <c r="G12" s="39" t="s">
        <v>1149</v>
      </c>
      <c r="H12" s="40" t="s">
        <v>1284</v>
      </c>
    </row>
    <row r="13" spans="1:8" s="8" customFormat="1" x14ac:dyDescent="0.2">
      <c r="B13" s="41"/>
      <c r="C13" s="36" t="s">
        <v>802</v>
      </c>
      <c r="D13" s="37" t="s">
        <v>11</v>
      </c>
      <c r="E13" s="38" t="s">
        <v>803</v>
      </c>
      <c r="F13" s="37" t="s">
        <v>804</v>
      </c>
      <c r="G13" s="39" t="s">
        <v>1150</v>
      </c>
      <c r="H13" s="40" t="s">
        <v>1285</v>
      </c>
    </row>
    <row r="14" spans="1:8" s="8" customFormat="1" x14ac:dyDescent="0.2">
      <c r="B14" s="41"/>
      <c r="C14" s="36" t="s">
        <v>805</v>
      </c>
      <c r="D14" s="37" t="s">
        <v>12</v>
      </c>
      <c r="E14" s="38" t="s">
        <v>806</v>
      </c>
      <c r="F14" s="37" t="s">
        <v>807</v>
      </c>
      <c r="G14" s="39" t="s">
        <v>1151</v>
      </c>
      <c r="H14" s="40" t="s">
        <v>1286</v>
      </c>
    </row>
    <row r="15" spans="1:8" s="8" customFormat="1" x14ac:dyDescent="0.2">
      <c r="B15" s="41"/>
      <c r="C15" s="36" t="s">
        <v>808</v>
      </c>
      <c r="D15" s="37" t="s">
        <v>13</v>
      </c>
      <c r="E15" s="38" t="s">
        <v>809</v>
      </c>
      <c r="F15" s="37" t="s">
        <v>810</v>
      </c>
      <c r="G15" s="39" t="s">
        <v>1152</v>
      </c>
      <c r="H15" s="40" t="s">
        <v>1287</v>
      </c>
    </row>
    <row r="16" spans="1:8" s="8" customFormat="1" ht="13.5" customHeight="1" x14ac:dyDescent="0.2">
      <c r="B16" s="41"/>
      <c r="C16" s="36" t="s">
        <v>811</v>
      </c>
      <c r="D16" s="37" t="s">
        <v>14</v>
      </c>
      <c r="E16" s="38" t="s">
        <v>812</v>
      </c>
      <c r="F16" s="37" t="s">
        <v>813</v>
      </c>
      <c r="G16" s="39" t="s">
        <v>1153</v>
      </c>
      <c r="H16" s="40" t="s">
        <v>1288</v>
      </c>
    </row>
    <row r="17" spans="2:8" s="8" customFormat="1" ht="13.5" customHeight="1" x14ac:dyDescent="0.2">
      <c r="B17" s="41"/>
      <c r="C17" s="36" t="s">
        <v>814</v>
      </c>
      <c r="D17" s="37" t="s">
        <v>15</v>
      </c>
      <c r="E17" s="38" t="s">
        <v>815</v>
      </c>
      <c r="F17" s="37" t="s">
        <v>816</v>
      </c>
      <c r="G17" s="39" t="s">
        <v>1154</v>
      </c>
      <c r="H17" s="40" t="s">
        <v>1289</v>
      </c>
    </row>
    <row r="18" spans="2:8" s="8" customFormat="1" ht="13.5" customHeight="1" x14ac:dyDescent="0.2">
      <c r="B18" s="41"/>
      <c r="C18" s="36" t="s">
        <v>817</v>
      </c>
      <c r="D18" s="37" t="s">
        <v>16</v>
      </c>
      <c r="E18" s="38" t="s">
        <v>818</v>
      </c>
      <c r="F18" s="37" t="s">
        <v>819</v>
      </c>
      <c r="G18" s="39" t="s">
        <v>1155</v>
      </c>
      <c r="H18" s="40" t="s">
        <v>1290</v>
      </c>
    </row>
    <row r="19" spans="2:8" s="8" customFormat="1" ht="13.5" customHeight="1" x14ac:dyDescent="0.2">
      <c r="B19" s="41"/>
      <c r="C19" s="36" t="s">
        <v>820</v>
      </c>
      <c r="D19" s="37" t="s">
        <v>1745</v>
      </c>
      <c r="E19" s="38" t="s">
        <v>821</v>
      </c>
      <c r="F19" s="37" t="s">
        <v>822</v>
      </c>
      <c r="G19" s="39" t="s">
        <v>1156</v>
      </c>
      <c r="H19" s="40" t="s">
        <v>1291</v>
      </c>
    </row>
    <row r="20" spans="2:8" s="8" customFormat="1" ht="13.5" customHeight="1" x14ac:dyDescent="0.2">
      <c r="B20" s="41"/>
      <c r="C20" s="36" t="s">
        <v>823</v>
      </c>
      <c r="D20" s="37" t="s">
        <v>1746</v>
      </c>
      <c r="E20" s="38" t="s">
        <v>824</v>
      </c>
      <c r="F20" s="37" t="s">
        <v>825</v>
      </c>
      <c r="G20" s="39" t="s">
        <v>1157</v>
      </c>
      <c r="H20" s="40" t="s">
        <v>1292</v>
      </c>
    </row>
    <row r="21" spans="2:8" s="8" customFormat="1" ht="13.5" customHeight="1" x14ac:dyDescent="0.2">
      <c r="B21" s="41"/>
      <c r="C21" s="36" t="s">
        <v>826</v>
      </c>
      <c r="D21" s="37" t="s">
        <v>1747</v>
      </c>
      <c r="E21" s="38" t="s">
        <v>827</v>
      </c>
      <c r="F21" s="37" t="s">
        <v>828</v>
      </c>
      <c r="G21" s="39" t="s">
        <v>1158</v>
      </c>
      <c r="H21" s="40" t="s">
        <v>1293</v>
      </c>
    </row>
    <row r="22" spans="2:8" s="8" customFormat="1" ht="13.5" customHeight="1" x14ac:dyDescent="0.2">
      <c r="B22" s="41"/>
      <c r="C22" s="36" t="s">
        <v>829</v>
      </c>
      <c r="D22" s="37" t="s">
        <v>1748</v>
      </c>
      <c r="E22" s="38" t="s">
        <v>830</v>
      </c>
      <c r="F22" s="37" t="s">
        <v>831</v>
      </c>
      <c r="G22" s="39" t="s">
        <v>1159</v>
      </c>
      <c r="H22" s="40" t="s">
        <v>1294</v>
      </c>
    </row>
    <row r="23" spans="2:8" s="8" customFormat="1" ht="13.5" customHeight="1" x14ac:dyDescent="0.2">
      <c r="B23" s="41"/>
      <c r="C23" s="36" t="s">
        <v>832</v>
      </c>
      <c r="D23" s="37" t="s">
        <v>1749</v>
      </c>
      <c r="E23" s="38" t="s">
        <v>833</v>
      </c>
      <c r="F23" s="37" t="s">
        <v>834</v>
      </c>
      <c r="G23" s="39" t="s">
        <v>1160</v>
      </c>
      <c r="H23" s="40" t="s">
        <v>1295</v>
      </c>
    </row>
    <row r="24" spans="2:8" s="8" customFormat="1" ht="13.5" customHeight="1" x14ac:dyDescent="0.2">
      <c r="B24" s="41"/>
      <c r="C24" s="36" t="s">
        <v>835</v>
      </c>
      <c r="D24" s="37" t="s">
        <v>1750</v>
      </c>
      <c r="E24" s="38" t="s">
        <v>836</v>
      </c>
      <c r="F24" s="37" t="s">
        <v>837</v>
      </c>
      <c r="G24" s="39" t="s">
        <v>1161</v>
      </c>
      <c r="H24" s="40" t="s">
        <v>1296</v>
      </c>
    </row>
    <row r="25" spans="2:8" s="8" customFormat="1" ht="13.5" customHeight="1" x14ac:dyDescent="0.2">
      <c r="B25" s="41"/>
      <c r="C25" s="36" t="s">
        <v>838</v>
      </c>
      <c r="D25" s="37" t="s">
        <v>1751</v>
      </c>
      <c r="E25" s="38" t="s">
        <v>839</v>
      </c>
      <c r="F25" s="37" t="s">
        <v>840</v>
      </c>
      <c r="G25" s="39" t="s">
        <v>1162</v>
      </c>
      <c r="H25" s="40" t="s">
        <v>1297</v>
      </c>
    </row>
    <row r="26" spans="2:8" s="8" customFormat="1" ht="13.5" customHeight="1" x14ac:dyDescent="0.2">
      <c r="B26" s="41"/>
      <c r="C26" s="36" t="s">
        <v>841</v>
      </c>
      <c r="D26" s="37" t="s">
        <v>1752</v>
      </c>
      <c r="E26" s="38" t="s">
        <v>842</v>
      </c>
      <c r="F26" s="37" t="s">
        <v>843</v>
      </c>
      <c r="G26" s="39" t="s">
        <v>1163</v>
      </c>
      <c r="H26" s="40" t="s">
        <v>1298</v>
      </c>
    </row>
    <row r="27" spans="2:8" s="8" customFormat="1" ht="13.5" customHeight="1" x14ac:dyDescent="0.2">
      <c r="B27" s="41"/>
      <c r="C27" s="36" t="s">
        <v>844</v>
      </c>
      <c r="D27" s="37" t="s">
        <v>1753</v>
      </c>
      <c r="E27" s="38" t="s">
        <v>845</v>
      </c>
      <c r="F27" s="37" t="s">
        <v>846</v>
      </c>
      <c r="G27" s="39" t="s">
        <v>1164</v>
      </c>
      <c r="H27" s="40" t="s">
        <v>1299</v>
      </c>
    </row>
    <row r="28" spans="2:8" s="8" customFormat="1" ht="13.5" customHeight="1" x14ac:dyDescent="0.2">
      <c r="B28" s="41"/>
      <c r="C28" s="36" t="s">
        <v>847</v>
      </c>
      <c r="D28" s="37" t="s">
        <v>1754</v>
      </c>
      <c r="E28" s="38" t="s">
        <v>845</v>
      </c>
      <c r="F28" s="37" t="s">
        <v>848</v>
      </c>
      <c r="G28" s="39" t="s">
        <v>1165</v>
      </c>
      <c r="H28" s="40" t="s">
        <v>1300</v>
      </c>
    </row>
    <row r="29" spans="2:8" s="8" customFormat="1" ht="13.5" customHeight="1" x14ac:dyDescent="0.2">
      <c r="B29" s="41"/>
      <c r="C29" s="36" t="s">
        <v>849</v>
      </c>
      <c r="D29" s="37" t="s">
        <v>1755</v>
      </c>
      <c r="E29" s="38" t="s">
        <v>850</v>
      </c>
      <c r="F29" s="37" t="s">
        <v>851</v>
      </c>
      <c r="G29" s="39" t="s">
        <v>1166</v>
      </c>
      <c r="H29" s="40" t="s">
        <v>1301</v>
      </c>
    </row>
    <row r="30" spans="2:8" s="8" customFormat="1" ht="13.5" customHeight="1" x14ac:dyDescent="0.2">
      <c r="B30" s="41"/>
      <c r="C30" s="36" t="s">
        <v>852</v>
      </c>
      <c r="D30" s="37" t="s">
        <v>1756</v>
      </c>
      <c r="E30" s="38" t="s">
        <v>853</v>
      </c>
      <c r="F30" s="37" t="s">
        <v>854</v>
      </c>
      <c r="G30" s="39" t="s">
        <v>1167</v>
      </c>
      <c r="H30" s="40" t="s">
        <v>1302</v>
      </c>
    </row>
    <row r="31" spans="2:8" s="8" customFormat="1" ht="13.5" customHeight="1" x14ac:dyDescent="0.2">
      <c r="B31" s="41"/>
      <c r="C31" s="36" t="s">
        <v>855</v>
      </c>
      <c r="D31" s="37" t="s">
        <v>1757</v>
      </c>
      <c r="E31" s="38" t="s">
        <v>856</v>
      </c>
      <c r="F31" s="37" t="s">
        <v>857</v>
      </c>
      <c r="G31" s="39" t="s">
        <v>1168</v>
      </c>
      <c r="H31" s="40" t="s">
        <v>1303</v>
      </c>
    </row>
    <row r="32" spans="2:8" s="8" customFormat="1" ht="13.5" customHeight="1" x14ac:dyDescent="0.2">
      <c r="B32" s="41"/>
      <c r="C32" s="36" t="s">
        <v>858</v>
      </c>
      <c r="D32" s="37" t="s">
        <v>1758</v>
      </c>
      <c r="E32" s="38" t="s">
        <v>1759</v>
      </c>
      <c r="F32" s="37" t="s">
        <v>859</v>
      </c>
      <c r="G32" s="39" t="s">
        <v>1169</v>
      </c>
      <c r="H32" s="40" t="s">
        <v>1304</v>
      </c>
    </row>
    <row r="33" spans="2:8" s="8" customFormat="1" ht="13.5" customHeight="1" x14ac:dyDescent="0.2">
      <c r="B33" s="41"/>
      <c r="C33" s="36" t="s">
        <v>860</v>
      </c>
      <c r="D33" s="37" t="s">
        <v>1760</v>
      </c>
      <c r="E33" s="38" t="s">
        <v>861</v>
      </c>
      <c r="F33" s="37" t="s">
        <v>862</v>
      </c>
      <c r="G33" s="39" t="s">
        <v>1170</v>
      </c>
      <c r="H33" s="40" t="s">
        <v>1305</v>
      </c>
    </row>
    <row r="34" spans="2:8" s="8" customFormat="1" ht="13.5" customHeight="1" x14ac:dyDescent="0.2">
      <c r="B34" s="41"/>
      <c r="C34" s="36" t="s">
        <v>1761</v>
      </c>
      <c r="D34" s="37" t="s">
        <v>1762</v>
      </c>
      <c r="E34" s="38" t="s">
        <v>863</v>
      </c>
      <c r="F34" s="37" t="s">
        <v>864</v>
      </c>
      <c r="G34" s="39" t="s">
        <v>1171</v>
      </c>
      <c r="H34" s="40" t="s">
        <v>1306</v>
      </c>
    </row>
    <row r="35" spans="2:8" s="8" customFormat="1" ht="13.5" customHeight="1" x14ac:dyDescent="0.2">
      <c r="B35" s="41"/>
      <c r="C35" s="36" t="s">
        <v>866</v>
      </c>
      <c r="D35" s="37" t="s">
        <v>1763</v>
      </c>
      <c r="E35" s="38" t="s">
        <v>865</v>
      </c>
      <c r="F35" s="37" t="s">
        <v>867</v>
      </c>
      <c r="G35" s="39" t="s">
        <v>1172</v>
      </c>
      <c r="H35" s="40" t="s">
        <v>1307</v>
      </c>
    </row>
    <row r="36" spans="2:8" s="8" customFormat="1" ht="13.5" customHeight="1" x14ac:dyDescent="0.2">
      <c r="B36" s="41"/>
      <c r="C36" s="36" t="s">
        <v>868</v>
      </c>
      <c r="D36" s="37" t="s">
        <v>1764</v>
      </c>
      <c r="E36" s="38" t="s">
        <v>869</v>
      </c>
      <c r="F36" s="37" t="s">
        <v>1868</v>
      </c>
      <c r="G36" s="39" t="s">
        <v>1173</v>
      </c>
      <c r="H36" s="40" t="s">
        <v>1308</v>
      </c>
    </row>
    <row r="37" spans="2:8" s="8" customFormat="1" ht="13.5" customHeight="1" x14ac:dyDescent="0.2">
      <c r="B37" s="41"/>
      <c r="C37" s="36" t="s">
        <v>870</v>
      </c>
      <c r="D37" s="37" t="s">
        <v>1765</v>
      </c>
      <c r="E37" s="38" t="s">
        <v>871</v>
      </c>
      <c r="F37" s="37" t="s">
        <v>872</v>
      </c>
      <c r="G37" s="39" t="s">
        <v>1174</v>
      </c>
      <c r="H37" s="40" t="s">
        <v>1309</v>
      </c>
    </row>
    <row r="38" spans="2:8" s="8" customFormat="1" ht="13.5" customHeight="1" x14ac:dyDescent="0.2">
      <c r="B38" s="41"/>
      <c r="C38" s="36" t="s">
        <v>873</v>
      </c>
      <c r="D38" s="37" t="s">
        <v>1766</v>
      </c>
      <c r="E38" s="38" t="s">
        <v>874</v>
      </c>
      <c r="F38" s="37" t="s">
        <v>875</v>
      </c>
      <c r="G38" s="39" t="s">
        <v>1175</v>
      </c>
      <c r="H38" s="40" t="s">
        <v>1310</v>
      </c>
    </row>
    <row r="39" spans="2:8" s="8" customFormat="1" ht="13.5" customHeight="1" x14ac:dyDescent="0.2">
      <c r="B39" s="41"/>
      <c r="C39" s="36" t="s">
        <v>876</v>
      </c>
      <c r="D39" s="37" t="s">
        <v>1767</v>
      </c>
      <c r="E39" s="38" t="s">
        <v>874</v>
      </c>
      <c r="F39" s="37" t="s">
        <v>877</v>
      </c>
      <c r="G39" s="39" t="s">
        <v>1176</v>
      </c>
      <c r="H39" s="40" t="s">
        <v>1311</v>
      </c>
    </row>
    <row r="40" spans="2:8" s="8" customFormat="1" ht="13.5" customHeight="1" x14ac:dyDescent="0.2">
      <c r="B40" s="41"/>
      <c r="C40" s="36" t="s">
        <v>878</v>
      </c>
      <c r="D40" s="37" t="s">
        <v>1768</v>
      </c>
      <c r="E40" s="38" t="s">
        <v>879</v>
      </c>
      <c r="F40" s="37" t="s">
        <v>880</v>
      </c>
      <c r="G40" s="39" t="s">
        <v>1177</v>
      </c>
      <c r="H40" s="40" t="s">
        <v>1312</v>
      </c>
    </row>
    <row r="41" spans="2:8" s="8" customFormat="1" ht="13.5" customHeight="1" x14ac:dyDescent="0.2">
      <c r="B41" s="41"/>
      <c r="C41" s="36" t="s">
        <v>881</v>
      </c>
      <c r="D41" s="37" t="s">
        <v>1858</v>
      </c>
      <c r="E41" s="38" t="s">
        <v>882</v>
      </c>
      <c r="F41" s="37" t="s">
        <v>883</v>
      </c>
      <c r="G41" s="39" t="s">
        <v>1178</v>
      </c>
      <c r="H41" s="40" t="s">
        <v>1313</v>
      </c>
    </row>
    <row r="42" spans="2:8" s="8" customFormat="1" ht="13.5" customHeight="1" x14ac:dyDescent="0.2">
      <c r="B42" s="41"/>
      <c r="C42" s="36" t="s">
        <v>884</v>
      </c>
      <c r="D42" s="37" t="s">
        <v>1769</v>
      </c>
      <c r="E42" s="38" t="s">
        <v>885</v>
      </c>
      <c r="F42" s="37" t="s">
        <v>886</v>
      </c>
      <c r="G42" s="39" t="s">
        <v>1179</v>
      </c>
      <c r="H42" s="40" t="s">
        <v>1314</v>
      </c>
    </row>
    <row r="43" spans="2:8" s="8" customFormat="1" ht="13.5" customHeight="1" x14ac:dyDescent="0.2">
      <c r="B43" s="41"/>
      <c r="C43" s="36" t="s">
        <v>887</v>
      </c>
      <c r="D43" s="37" t="s">
        <v>1770</v>
      </c>
      <c r="E43" s="38" t="s">
        <v>885</v>
      </c>
      <c r="F43" s="37" t="s">
        <v>888</v>
      </c>
      <c r="G43" s="39" t="s">
        <v>1180</v>
      </c>
      <c r="H43" s="40" t="s">
        <v>1315</v>
      </c>
    </row>
    <row r="44" spans="2:8" s="8" customFormat="1" ht="13.5" customHeight="1" x14ac:dyDescent="0.2">
      <c r="B44" s="41"/>
      <c r="C44" s="36" t="s">
        <v>889</v>
      </c>
      <c r="D44" s="37" t="s">
        <v>1771</v>
      </c>
      <c r="E44" s="38" t="s">
        <v>890</v>
      </c>
      <c r="F44" s="37" t="s">
        <v>891</v>
      </c>
      <c r="G44" s="39" t="s">
        <v>1181</v>
      </c>
      <c r="H44" s="40" t="s">
        <v>1316</v>
      </c>
    </row>
    <row r="45" spans="2:8" s="8" customFormat="1" ht="13.5" customHeight="1" x14ac:dyDescent="0.2">
      <c r="B45" s="41"/>
      <c r="C45" s="36" t="s">
        <v>892</v>
      </c>
      <c r="D45" s="37" t="s">
        <v>1772</v>
      </c>
      <c r="E45" s="38" t="s">
        <v>893</v>
      </c>
      <c r="F45" s="37" t="s">
        <v>894</v>
      </c>
      <c r="G45" s="39" t="s">
        <v>1182</v>
      </c>
      <c r="H45" s="40" t="s">
        <v>1317</v>
      </c>
    </row>
    <row r="46" spans="2:8" s="8" customFormat="1" ht="13.5" customHeight="1" x14ac:dyDescent="0.2">
      <c r="B46" s="41"/>
      <c r="C46" s="36" t="s">
        <v>895</v>
      </c>
      <c r="D46" s="37" t="s">
        <v>1773</v>
      </c>
      <c r="E46" s="38" t="s">
        <v>896</v>
      </c>
      <c r="F46" s="37" t="s">
        <v>897</v>
      </c>
      <c r="G46" s="39" t="s">
        <v>1183</v>
      </c>
      <c r="H46" s="40" t="s">
        <v>1318</v>
      </c>
    </row>
    <row r="47" spans="2:8" s="8" customFormat="1" ht="13.5" customHeight="1" x14ac:dyDescent="0.2">
      <c r="B47" s="41"/>
      <c r="C47" s="36" t="s">
        <v>898</v>
      </c>
      <c r="D47" s="37" t="s">
        <v>1774</v>
      </c>
      <c r="E47" s="38" t="s">
        <v>899</v>
      </c>
      <c r="F47" s="37" t="s">
        <v>900</v>
      </c>
      <c r="G47" s="39" t="s">
        <v>1184</v>
      </c>
      <c r="H47" s="40" t="s">
        <v>1319</v>
      </c>
    </row>
    <row r="48" spans="2:8" s="8" customFormat="1" ht="13.5" customHeight="1" x14ac:dyDescent="0.2">
      <c r="B48" s="41"/>
      <c r="C48" s="36" t="s">
        <v>901</v>
      </c>
      <c r="D48" s="37" t="s">
        <v>1775</v>
      </c>
      <c r="E48" s="38" t="s">
        <v>902</v>
      </c>
      <c r="F48" s="37" t="s">
        <v>903</v>
      </c>
      <c r="G48" s="39" t="s">
        <v>1185</v>
      </c>
      <c r="H48" s="40" t="s">
        <v>1320</v>
      </c>
    </row>
    <row r="49" spans="1:8" s="8" customFormat="1" ht="13.5" customHeight="1" x14ac:dyDescent="0.2">
      <c r="B49" s="41"/>
      <c r="C49" s="36" t="s">
        <v>904</v>
      </c>
      <c r="D49" s="37" t="s">
        <v>1776</v>
      </c>
      <c r="E49" s="38" t="s">
        <v>905</v>
      </c>
      <c r="F49" s="37" t="s">
        <v>906</v>
      </c>
      <c r="G49" s="39" t="s">
        <v>1186</v>
      </c>
      <c r="H49" s="40" t="s">
        <v>1321</v>
      </c>
    </row>
    <row r="50" spans="1:8" s="8" customFormat="1" ht="13.5" customHeight="1" thickBot="1" x14ac:dyDescent="0.25">
      <c r="B50" s="42"/>
      <c r="C50" s="43" t="s">
        <v>907</v>
      </c>
      <c r="D50" s="44" t="s">
        <v>1777</v>
      </c>
      <c r="E50" s="45" t="s">
        <v>908</v>
      </c>
      <c r="F50" s="44" t="s">
        <v>909</v>
      </c>
      <c r="G50" s="46" t="s">
        <v>1187</v>
      </c>
      <c r="H50" s="47" t="s">
        <v>1322</v>
      </c>
    </row>
    <row r="51" spans="1:8" s="5" customFormat="1" x14ac:dyDescent="0.2">
      <c r="A51" s="9"/>
      <c r="B51" s="48" t="s">
        <v>399</v>
      </c>
      <c r="C51" s="14" t="s">
        <v>400</v>
      </c>
      <c r="D51" s="12" t="s">
        <v>182</v>
      </c>
      <c r="E51" s="49" t="s">
        <v>401</v>
      </c>
      <c r="F51" s="12" t="s">
        <v>402</v>
      </c>
      <c r="G51" s="50" t="s">
        <v>1544</v>
      </c>
      <c r="H51" s="51" t="s">
        <v>1545</v>
      </c>
    </row>
    <row r="52" spans="1:8" s="5" customFormat="1" x14ac:dyDescent="0.2">
      <c r="A52" s="9"/>
      <c r="B52" s="52" t="s">
        <v>1861</v>
      </c>
      <c r="C52" s="11" t="s">
        <v>403</v>
      </c>
      <c r="D52" s="10" t="s">
        <v>183</v>
      </c>
      <c r="E52" s="53" t="s">
        <v>404</v>
      </c>
      <c r="F52" s="10" t="s">
        <v>1895</v>
      </c>
      <c r="G52" s="54" t="s">
        <v>1546</v>
      </c>
      <c r="H52" s="55" t="s">
        <v>1547</v>
      </c>
    </row>
    <row r="53" spans="1:8" s="5" customFormat="1" x14ac:dyDescent="0.2">
      <c r="B53" s="56" t="s">
        <v>1862</v>
      </c>
      <c r="C53" s="11" t="s">
        <v>405</v>
      </c>
      <c r="D53" s="10" t="s">
        <v>184</v>
      </c>
      <c r="E53" s="53" t="s">
        <v>406</v>
      </c>
      <c r="F53" s="10" t="s">
        <v>407</v>
      </c>
      <c r="G53" s="54" t="s">
        <v>1548</v>
      </c>
      <c r="H53" s="55" t="s">
        <v>1549</v>
      </c>
    </row>
    <row r="54" spans="1:8" s="5" customFormat="1" x14ac:dyDescent="0.2">
      <c r="B54" s="56"/>
      <c r="C54" s="11" t="s">
        <v>408</v>
      </c>
      <c r="D54" s="10" t="s">
        <v>17</v>
      </c>
      <c r="E54" s="53" t="s">
        <v>409</v>
      </c>
      <c r="F54" s="10" t="s">
        <v>410</v>
      </c>
      <c r="G54" s="54" t="s">
        <v>1550</v>
      </c>
      <c r="H54" s="55" t="s">
        <v>1551</v>
      </c>
    </row>
    <row r="55" spans="1:8" s="5" customFormat="1" x14ac:dyDescent="0.2">
      <c r="B55" s="56"/>
      <c r="C55" s="11" t="s">
        <v>411</v>
      </c>
      <c r="D55" s="10" t="s">
        <v>185</v>
      </c>
      <c r="E55" s="53" t="s">
        <v>412</v>
      </c>
      <c r="F55" s="10" t="s">
        <v>1896</v>
      </c>
      <c r="G55" s="54" t="s">
        <v>1552</v>
      </c>
      <c r="H55" s="55" t="s">
        <v>1553</v>
      </c>
    </row>
    <row r="56" spans="1:8" s="5" customFormat="1" x14ac:dyDescent="0.2">
      <c r="B56" s="56"/>
      <c r="C56" s="11" t="s">
        <v>413</v>
      </c>
      <c r="D56" s="10" t="s">
        <v>76</v>
      </c>
      <c r="E56" s="53" t="s">
        <v>414</v>
      </c>
      <c r="F56" s="10" t="s">
        <v>415</v>
      </c>
      <c r="G56" s="54" t="s">
        <v>1554</v>
      </c>
      <c r="H56" s="55" t="s">
        <v>1555</v>
      </c>
    </row>
    <row r="57" spans="1:8" s="5" customFormat="1" x14ac:dyDescent="0.2">
      <c r="B57" s="56"/>
      <c r="C57" s="11" t="s">
        <v>416</v>
      </c>
      <c r="D57" s="10" t="s">
        <v>186</v>
      </c>
      <c r="E57" s="53" t="s">
        <v>417</v>
      </c>
      <c r="F57" s="10" t="s">
        <v>418</v>
      </c>
      <c r="G57" s="54" t="s">
        <v>1556</v>
      </c>
      <c r="H57" s="55" t="s">
        <v>1557</v>
      </c>
    </row>
    <row r="58" spans="1:8" s="5" customFormat="1" x14ac:dyDescent="0.2">
      <c r="B58" s="56"/>
      <c r="C58" s="11" t="s">
        <v>419</v>
      </c>
      <c r="D58" s="10" t="s">
        <v>160</v>
      </c>
      <c r="E58" s="53" t="s">
        <v>420</v>
      </c>
      <c r="F58" s="10" t="s">
        <v>421</v>
      </c>
      <c r="G58" s="54" t="s">
        <v>1558</v>
      </c>
      <c r="H58" s="55" t="s">
        <v>1559</v>
      </c>
    </row>
    <row r="59" spans="1:8" s="5" customFormat="1" x14ac:dyDescent="0.2">
      <c r="B59" s="56"/>
      <c r="C59" s="11" t="s">
        <v>422</v>
      </c>
      <c r="D59" s="10" t="s">
        <v>187</v>
      </c>
      <c r="E59" s="53" t="s">
        <v>423</v>
      </c>
      <c r="F59" s="10" t="s">
        <v>424</v>
      </c>
      <c r="G59" s="54" t="s">
        <v>1560</v>
      </c>
      <c r="H59" s="55" t="s">
        <v>1561</v>
      </c>
    </row>
    <row r="60" spans="1:8" s="5" customFormat="1" x14ac:dyDescent="0.2">
      <c r="B60" s="56"/>
      <c r="C60" s="11" t="s">
        <v>425</v>
      </c>
      <c r="D60" s="10" t="s">
        <v>188</v>
      </c>
      <c r="E60" s="53" t="s">
        <v>426</v>
      </c>
      <c r="F60" s="10" t="s">
        <v>189</v>
      </c>
      <c r="G60" s="54" t="s">
        <v>1562</v>
      </c>
      <c r="H60" s="55" t="s">
        <v>1563</v>
      </c>
    </row>
    <row r="61" spans="1:8" s="5" customFormat="1" x14ac:dyDescent="0.2">
      <c r="B61" s="56"/>
      <c r="C61" s="11" t="s">
        <v>427</v>
      </c>
      <c r="D61" s="10" t="s">
        <v>190</v>
      </c>
      <c r="E61" s="53" t="s">
        <v>428</v>
      </c>
      <c r="F61" s="10" t="s">
        <v>429</v>
      </c>
      <c r="G61" s="54" t="s">
        <v>1564</v>
      </c>
      <c r="H61" s="55" t="s">
        <v>1565</v>
      </c>
    </row>
    <row r="62" spans="1:8" s="5" customFormat="1" ht="13.5" customHeight="1" x14ac:dyDescent="0.2">
      <c r="B62" s="56"/>
      <c r="C62" s="11" t="s">
        <v>430</v>
      </c>
      <c r="D62" s="10" t="s">
        <v>191</v>
      </c>
      <c r="E62" s="53" t="s">
        <v>431</v>
      </c>
      <c r="F62" s="10" t="s">
        <v>432</v>
      </c>
      <c r="G62" s="54" t="s">
        <v>1566</v>
      </c>
      <c r="H62" s="55" t="s">
        <v>1567</v>
      </c>
    </row>
    <row r="63" spans="1:8" s="5" customFormat="1" ht="13.5" customHeight="1" x14ac:dyDescent="0.2">
      <c r="B63" s="56"/>
      <c r="C63" s="11" t="s">
        <v>433</v>
      </c>
      <c r="D63" s="10" t="s">
        <v>192</v>
      </c>
      <c r="E63" s="53" t="s">
        <v>434</v>
      </c>
      <c r="F63" s="10" t="s">
        <v>435</v>
      </c>
      <c r="G63" s="54" t="s">
        <v>1568</v>
      </c>
      <c r="H63" s="55" t="s">
        <v>1569</v>
      </c>
    </row>
    <row r="64" spans="1:8" s="5" customFormat="1" ht="13.5" customHeight="1" x14ac:dyDescent="0.2">
      <c r="B64" s="56"/>
      <c r="C64" s="11" t="s">
        <v>436</v>
      </c>
      <c r="D64" s="10" t="s">
        <v>193</v>
      </c>
      <c r="E64" s="53" t="s">
        <v>437</v>
      </c>
      <c r="F64" s="10" t="s">
        <v>438</v>
      </c>
      <c r="G64" s="54" t="s">
        <v>1570</v>
      </c>
      <c r="H64" s="55" t="s">
        <v>1571</v>
      </c>
    </row>
    <row r="65" spans="1:8" s="5" customFormat="1" ht="13.5" customHeight="1" x14ac:dyDescent="0.2">
      <c r="B65" s="56"/>
      <c r="C65" s="11" t="s">
        <v>439</v>
      </c>
      <c r="D65" s="10" t="s">
        <v>194</v>
      </c>
      <c r="E65" s="53" t="s">
        <v>440</v>
      </c>
      <c r="F65" s="10" t="s">
        <v>441</v>
      </c>
      <c r="G65" s="54" t="s">
        <v>1572</v>
      </c>
      <c r="H65" s="55" t="s">
        <v>1573</v>
      </c>
    </row>
    <row r="66" spans="1:8" s="5" customFormat="1" ht="13.5" customHeight="1" x14ac:dyDescent="0.2">
      <c r="B66" s="56"/>
      <c r="C66" s="11" t="s">
        <v>442</v>
      </c>
      <c r="D66" s="10" t="s">
        <v>195</v>
      </c>
      <c r="E66" s="53" t="s">
        <v>443</v>
      </c>
      <c r="F66" s="10" t="s">
        <v>444</v>
      </c>
      <c r="G66" s="54" t="s">
        <v>1574</v>
      </c>
      <c r="H66" s="55" t="s">
        <v>1575</v>
      </c>
    </row>
    <row r="67" spans="1:8" s="5" customFormat="1" ht="13.5" customHeight="1" x14ac:dyDescent="0.2">
      <c r="B67" s="56"/>
      <c r="C67" s="11" t="s">
        <v>1863</v>
      </c>
      <c r="D67" s="10" t="s">
        <v>1864</v>
      </c>
      <c r="E67" s="53" t="s">
        <v>1865</v>
      </c>
      <c r="F67" s="10" t="s">
        <v>1866</v>
      </c>
      <c r="G67" s="54" t="s">
        <v>1891</v>
      </c>
      <c r="H67" s="55" t="s">
        <v>1892</v>
      </c>
    </row>
    <row r="68" spans="1:8" s="5" customFormat="1" ht="13.5" customHeight="1" x14ac:dyDescent="0.2">
      <c r="B68" s="56"/>
      <c r="C68" s="11" t="s">
        <v>445</v>
      </c>
      <c r="D68" s="10" t="s">
        <v>196</v>
      </c>
      <c r="E68" s="53" t="s">
        <v>446</v>
      </c>
      <c r="F68" s="10" t="s">
        <v>447</v>
      </c>
      <c r="G68" s="54" t="s">
        <v>1576</v>
      </c>
      <c r="H68" s="55" t="s">
        <v>1577</v>
      </c>
    </row>
    <row r="69" spans="1:8" s="5" customFormat="1" ht="13.5" customHeight="1" x14ac:dyDescent="0.2">
      <c r="B69" s="56"/>
      <c r="C69" s="11" t="s">
        <v>448</v>
      </c>
      <c r="D69" s="10" t="s">
        <v>197</v>
      </c>
      <c r="E69" s="53" t="s">
        <v>449</v>
      </c>
      <c r="F69" s="10" t="s">
        <v>450</v>
      </c>
      <c r="G69" s="54" t="s">
        <v>1578</v>
      </c>
      <c r="H69" s="55" t="s">
        <v>1579</v>
      </c>
    </row>
    <row r="70" spans="1:8" s="5" customFormat="1" ht="13.5" customHeight="1" x14ac:dyDescent="0.2">
      <c r="B70" s="56"/>
      <c r="C70" s="11" t="s">
        <v>451</v>
      </c>
      <c r="D70" s="10" t="s">
        <v>198</v>
      </c>
      <c r="E70" s="53" t="s">
        <v>452</v>
      </c>
      <c r="F70" s="10" t="s">
        <v>453</v>
      </c>
      <c r="G70" s="54" t="s">
        <v>1580</v>
      </c>
      <c r="H70" s="55" t="s">
        <v>1581</v>
      </c>
    </row>
    <row r="71" spans="1:8" s="5" customFormat="1" x14ac:dyDescent="0.2">
      <c r="B71" s="56"/>
      <c r="C71" s="11" t="s">
        <v>454</v>
      </c>
      <c r="D71" s="10" t="s">
        <v>199</v>
      </c>
      <c r="E71" s="53" t="s">
        <v>200</v>
      </c>
      <c r="F71" s="10" t="s">
        <v>455</v>
      </c>
      <c r="G71" s="54" t="s">
        <v>1582</v>
      </c>
      <c r="H71" s="55" t="s">
        <v>1583</v>
      </c>
    </row>
    <row r="72" spans="1:8" s="5" customFormat="1" x14ac:dyDescent="0.2">
      <c r="B72" s="56"/>
      <c r="C72" s="11" t="s">
        <v>456</v>
      </c>
      <c r="D72" s="10" t="s">
        <v>201</v>
      </c>
      <c r="E72" s="53" t="s">
        <v>457</v>
      </c>
      <c r="F72" s="10" t="s">
        <v>458</v>
      </c>
      <c r="G72" s="54" t="s">
        <v>1584</v>
      </c>
      <c r="H72" s="55" t="s">
        <v>1585</v>
      </c>
    </row>
    <row r="73" spans="1:8" s="5" customFormat="1" x14ac:dyDescent="0.2">
      <c r="B73" s="56"/>
      <c r="C73" s="11" t="s">
        <v>459</v>
      </c>
      <c r="D73" s="10" t="s">
        <v>202</v>
      </c>
      <c r="E73" s="53" t="s">
        <v>1944</v>
      </c>
      <c r="F73" s="10" t="s">
        <v>1961</v>
      </c>
      <c r="G73" s="54" t="s">
        <v>1586</v>
      </c>
      <c r="H73" s="55" t="s">
        <v>1587</v>
      </c>
    </row>
    <row r="74" spans="1:8" s="5" customFormat="1" x14ac:dyDescent="0.2">
      <c r="B74" s="56"/>
      <c r="C74" s="11" t="s">
        <v>460</v>
      </c>
      <c r="D74" s="10" t="s">
        <v>203</v>
      </c>
      <c r="E74" s="53" t="s">
        <v>461</v>
      </c>
      <c r="F74" s="10" t="s">
        <v>462</v>
      </c>
      <c r="G74" s="54" t="s">
        <v>1588</v>
      </c>
      <c r="H74" s="55" t="s">
        <v>1589</v>
      </c>
    </row>
    <row r="75" spans="1:8" s="5" customFormat="1" x14ac:dyDescent="0.2">
      <c r="B75" s="56"/>
      <c r="C75" s="11" t="s">
        <v>463</v>
      </c>
      <c r="D75" s="10" t="s">
        <v>204</v>
      </c>
      <c r="E75" s="53" t="s">
        <v>464</v>
      </c>
      <c r="F75" s="10" t="s">
        <v>465</v>
      </c>
      <c r="G75" s="54" t="s">
        <v>1590</v>
      </c>
      <c r="H75" s="55" t="s">
        <v>1591</v>
      </c>
    </row>
    <row r="76" spans="1:8" s="5" customFormat="1" x14ac:dyDescent="0.2">
      <c r="B76" s="56"/>
      <c r="C76" s="11" t="s">
        <v>466</v>
      </c>
      <c r="D76" s="10" t="s">
        <v>205</v>
      </c>
      <c r="E76" s="53" t="s">
        <v>467</v>
      </c>
      <c r="F76" s="10" t="s">
        <v>468</v>
      </c>
      <c r="G76" s="54" t="s">
        <v>1592</v>
      </c>
      <c r="H76" s="55" t="s">
        <v>1593</v>
      </c>
    </row>
    <row r="77" spans="1:8" s="5" customFormat="1" x14ac:dyDescent="0.2">
      <c r="B77" s="56"/>
      <c r="C77" s="11" t="s">
        <v>469</v>
      </c>
      <c r="D77" s="10" t="s">
        <v>206</v>
      </c>
      <c r="E77" s="53" t="s">
        <v>470</v>
      </c>
      <c r="F77" s="10" t="s">
        <v>1869</v>
      </c>
      <c r="G77" s="54" t="s">
        <v>1594</v>
      </c>
      <c r="H77" s="55" t="s">
        <v>1595</v>
      </c>
    </row>
    <row r="78" spans="1:8" s="5" customFormat="1" x14ac:dyDescent="0.2">
      <c r="B78" s="56"/>
      <c r="C78" s="11" t="s">
        <v>1956</v>
      </c>
      <c r="D78" s="10" t="s">
        <v>207</v>
      </c>
      <c r="E78" s="53" t="s">
        <v>1957</v>
      </c>
      <c r="F78" s="10" t="s">
        <v>1955</v>
      </c>
      <c r="G78" s="54" t="s">
        <v>1596</v>
      </c>
      <c r="H78" s="55" t="s">
        <v>1597</v>
      </c>
    </row>
    <row r="79" spans="1:8" s="5" customFormat="1" ht="13.5" thickBot="1" x14ac:dyDescent="0.25">
      <c r="B79" s="57"/>
      <c r="C79" s="58" t="s">
        <v>471</v>
      </c>
      <c r="D79" s="13" t="s">
        <v>208</v>
      </c>
      <c r="E79" s="59" t="s">
        <v>472</v>
      </c>
      <c r="F79" s="13" t="s">
        <v>473</v>
      </c>
      <c r="G79" s="60" t="s">
        <v>1598</v>
      </c>
      <c r="H79" s="61" t="s">
        <v>1599</v>
      </c>
    </row>
    <row r="80" spans="1:8" s="5" customFormat="1" ht="13.5" customHeight="1" x14ac:dyDescent="0.2">
      <c r="A80" s="9"/>
      <c r="B80" s="56" t="s">
        <v>1008</v>
      </c>
      <c r="C80" s="62" t="s">
        <v>1009</v>
      </c>
      <c r="D80" s="12" t="s">
        <v>18</v>
      </c>
      <c r="E80" s="49" t="s">
        <v>1010</v>
      </c>
      <c r="F80" s="12" t="s">
        <v>1857</v>
      </c>
      <c r="G80" s="50" t="s">
        <v>1412</v>
      </c>
      <c r="H80" s="51" t="s">
        <v>19</v>
      </c>
    </row>
    <row r="81" spans="1:8" s="5" customFormat="1" ht="13.5" customHeight="1" x14ac:dyDescent="0.2">
      <c r="A81" s="9"/>
      <c r="B81" s="56" t="s">
        <v>1138</v>
      </c>
      <c r="C81" s="63" t="s">
        <v>1011</v>
      </c>
      <c r="D81" s="10" t="s">
        <v>20</v>
      </c>
      <c r="E81" s="53" t="s">
        <v>1012</v>
      </c>
      <c r="F81" s="10" t="s">
        <v>1013</v>
      </c>
      <c r="G81" s="54" t="s">
        <v>1413</v>
      </c>
      <c r="H81" s="55" t="s">
        <v>19</v>
      </c>
    </row>
    <row r="82" spans="1:8" s="5" customFormat="1" ht="13.5" customHeight="1" x14ac:dyDescent="0.2">
      <c r="B82" s="56"/>
      <c r="C82" s="11" t="s">
        <v>1014</v>
      </c>
      <c r="D82" s="10" t="s">
        <v>21</v>
      </c>
      <c r="E82" s="53" t="s">
        <v>1015</v>
      </c>
      <c r="F82" s="10" t="s">
        <v>1016</v>
      </c>
      <c r="G82" s="54" t="s">
        <v>1414</v>
      </c>
      <c r="H82" s="55" t="s">
        <v>19</v>
      </c>
    </row>
    <row r="83" spans="1:8" s="5" customFormat="1" ht="13.5" customHeight="1" x14ac:dyDescent="0.2">
      <c r="B83" s="56"/>
      <c r="C83" s="11" t="s">
        <v>1897</v>
      </c>
      <c r="D83" s="10" t="s">
        <v>22</v>
      </c>
      <c r="E83" s="53" t="s">
        <v>1017</v>
      </c>
      <c r="F83" s="10" t="s">
        <v>1018</v>
      </c>
      <c r="G83" s="54" t="s">
        <v>1415</v>
      </c>
      <c r="H83" s="55" t="s">
        <v>19</v>
      </c>
    </row>
    <row r="84" spans="1:8" s="5" customFormat="1" ht="13.5" customHeight="1" x14ac:dyDescent="0.2">
      <c r="B84" s="56"/>
      <c r="C84" s="11" t="s">
        <v>1043</v>
      </c>
      <c r="D84" s="10" t="s">
        <v>31</v>
      </c>
      <c r="E84" s="53" t="s">
        <v>1044</v>
      </c>
      <c r="F84" s="10" t="s">
        <v>1045</v>
      </c>
      <c r="G84" s="54" t="s">
        <v>1424</v>
      </c>
      <c r="H84" s="55" t="s">
        <v>19</v>
      </c>
    </row>
    <row r="85" spans="1:8" s="5" customFormat="1" ht="13.5" customHeight="1" x14ac:dyDescent="0.2">
      <c r="B85" s="56"/>
      <c r="C85" s="11" t="s">
        <v>1019</v>
      </c>
      <c r="D85" s="10" t="s">
        <v>23</v>
      </c>
      <c r="E85" s="53" t="s">
        <v>1020</v>
      </c>
      <c r="F85" s="10" t="s">
        <v>1021</v>
      </c>
      <c r="G85" s="54" t="s">
        <v>1416</v>
      </c>
      <c r="H85" s="55" t="s">
        <v>19</v>
      </c>
    </row>
    <row r="86" spans="1:8" s="5" customFormat="1" ht="13.5" customHeight="1" x14ac:dyDescent="0.2">
      <c r="B86" s="56"/>
      <c r="C86" s="11" t="s">
        <v>1040</v>
      </c>
      <c r="D86" s="10" t="s">
        <v>30</v>
      </c>
      <c r="E86" s="53" t="s">
        <v>1041</v>
      </c>
      <c r="F86" s="10" t="s">
        <v>1042</v>
      </c>
      <c r="G86" s="54" t="s">
        <v>1423</v>
      </c>
      <c r="H86" s="55" t="s">
        <v>19</v>
      </c>
    </row>
    <row r="87" spans="1:8" s="5" customFormat="1" ht="13.5" customHeight="1" x14ac:dyDescent="0.2">
      <c r="B87" s="56"/>
      <c r="C87" s="11" t="s">
        <v>1022</v>
      </c>
      <c r="D87" s="10" t="s">
        <v>24</v>
      </c>
      <c r="E87" s="53" t="s">
        <v>1023</v>
      </c>
      <c r="F87" s="10" t="s">
        <v>1024</v>
      </c>
      <c r="G87" s="54" t="s">
        <v>1417</v>
      </c>
      <c r="H87" s="55" t="s">
        <v>19</v>
      </c>
    </row>
    <row r="88" spans="1:8" s="5" customFormat="1" ht="13.5" customHeight="1" x14ac:dyDescent="0.2">
      <c r="B88" s="56"/>
      <c r="C88" s="11" t="s">
        <v>1046</v>
      </c>
      <c r="D88" s="10" t="s">
        <v>32</v>
      </c>
      <c r="E88" s="53" t="s">
        <v>1047</v>
      </c>
      <c r="F88" s="10" t="s">
        <v>1048</v>
      </c>
      <c r="G88" s="54" t="s">
        <v>1425</v>
      </c>
      <c r="H88" s="55" t="s">
        <v>19</v>
      </c>
    </row>
    <row r="89" spans="1:8" s="5" customFormat="1" ht="13.5" customHeight="1" x14ac:dyDescent="0.2">
      <c r="B89" s="56"/>
      <c r="C89" s="11" t="s">
        <v>1034</v>
      </c>
      <c r="D89" s="10" t="s">
        <v>28</v>
      </c>
      <c r="E89" s="53" t="s">
        <v>1035</v>
      </c>
      <c r="F89" s="10" t="s">
        <v>1036</v>
      </c>
      <c r="G89" s="54" t="s">
        <v>1421</v>
      </c>
      <c r="H89" s="55" t="s">
        <v>19</v>
      </c>
    </row>
    <row r="90" spans="1:8" s="5" customFormat="1" ht="13.5" customHeight="1" x14ac:dyDescent="0.2">
      <c r="B90" s="56"/>
      <c r="C90" s="11" t="s">
        <v>1025</v>
      </c>
      <c r="D90" s="10" t="s">
        <v>25</v>
      </c>
      <c r="E90" s="53" t="s">
        <v>1026</v>
      </c>
      <c r="F90" s="10" t="s">
        <v>1027</v>
      </c>
      <c r="G90" s="54" t="s">
        <v>1418</v>
      </c>
      <c r="H90" s="55" t="s">
        <v>19</v>
      </c>
    </row>
    <row r="91" spans="1:8" s="5" customFormat="1" ht="13.5" customHeight="1" x14ac:dyDescent="0.2">
      <c r="B91" s="56"/>
      <c r="C91" s="11" t="s">
        <v>1028</v>
      </c>
      <c r="D91" s="10" t="s">
        <v>26</v>
      </c>
      <c r="E91" s="53" t="s">
        <v>1029</v>
      </c>
      <c r="F91" s="10" t="s">
        <v>1030</v>
      </c>
      <c r="G91" s="54" t="s">
        <v>1419</v>
      </c>
      <c r="H91" s="55" t="s">
        <v>19</v>
      </c>
    </row>
    <row r="92" spans="1:8" s="5" customFormat="1" ht="13.5" customHeight="1" x14ac:dyDescent="0.2">
      <c r="B92" s="56"/>
      <c r="C92" s="11" t="s">
        <v>1051</v>
      </c>
      <c r="D92" s="10" t="s">
        <v>1779</v>
      </c>
      <c r="E92" s="53" t="s">
        <v>1052</v>
      </c>
      <c r="F92" s="10" t="s">
        <v>1053</v>
      </c>
      <c r="G92" s="54" t="s">
        <v>1427</v>
      </c>
      <c r="H92" s="64" t="s">
        <v>19</v>
      </c>
    </row>
    <row r="93" spans="1:8" s="5" customFormat="1" ht="13.5" customHeight="1" x14ac:dyDescent="0.2">
      <c r="B93" s="56"/>
      <c r="C93" s="11" t="s">
        <v>1049</v>
      </c>
      <c r="D93" s="10" t="s">
        <v>33</v>
      </c>
      <c r="E93" s="53" t="s">
        <v>1050</v>
      </c>
      <c r="F93" s="10" t="s">
        <v>1870</v>
      </c>
      <c r="G93" s="54" t="s">
        <v>1426</v>
      </c>
      <c r="H93" s="55" t="s">
        <v>19</v>
      </c>
    </row>
    <row r="94" spans="1:8" s="5" customFormat="1" ht="13.5" customHeight="1" x14ac:dyDescent="0.2">
      <c r="B94" s="56"/>
      <c r="C94" s="11" t="s">
        <v>1031</v>
      </c>
      <c r="D94" s="10" t="s">
        <v>27</v>
      </c>
      <c r="E94" s="53" t="s">
        <v>1032</v>
      </c>
      <c r="F94" s="10" t="s">
        <v>1033</v>
      </c>
      <c r="G94" s="54" t="s">
        <v>1420</v>
      </c>
      <c r="H94" s="55" t="s">
        <v>19</v>
      </c>
    </row>
    <row r="95" spans="1:8" s="5" customFormat="1" ht="13.5" customHeight="1" thickBot="1" x14ac:dyDescent="0.25">
      <c r="B95" s="57"/>
      <c r="C95" s="58" t="s">
        <v>1037</v>
      </c>
      <c r="D95" s="13" t="s">
        <v>1898</v>
      </c>
      <c r="E95" s="59" t="s">
        <v>1038</v>
      </c>
      <c r="F95" s="13" t="s">
        <v>1039</v>
      </c>
      <c r="G95" s="60" t="s">
        <v>1422</v>
      </c>
      <c r="H95" s="65" t="s">
        <v>1780</v>
      </c>
    </row>
    <row r="96" spans="1:8" s="5" customFormat="1" ht="13.5" customHeight="1" x14ac:dyDescent="0.2">
      <c r="A96" s="9"/>
      <c r="B96" s="19" t="s">
        <v>910</v>
      </c>
      <c r="C96" s="62" t="s">
        <v>911</v>
      </c>
      <c r="D96" s="12" t="s">
        <v>34</v>
      </c>
      <c r="E96" s="49" t="s">
        <v>1871</v>
      </c>
      <c r="F96" s="12" t="s">
        <v>1942</v>
      </c>
      <c r="G96" s="50" t="s">
        <v>1474</v>
      </c>
      <c r="H96" s="66" t="s">
        <v>1475</v>
      </c>
    </row>
    <row r="97" spans="1:8" s="5" customFormat="1" ht="13.5" customHeight="1" x14ac:dyDescent="0.2">
      <c r="A97" s="9"/>
      <c r="B97" s="52" t="s">
        <v>912</v>
      </c>
      <c r="C97" s="11" t="s">
        <v>913</v>
      </c>
      <c r="D97" s="10" t="s">
        <v>35</v>
      </c>
      <c r="E97" s="53" t="s">
        <v>914</v>
      </c>
      <c r="F97" s="10" t="s">
        <v>915</v>
      </c>
      <c r="G97" s="54" t="s">
        <v>1476</v>
      </c>
      <c r="H97" s="55" t="s">
        <v>1477</v>
      </c>
    </row>
    <row r="98" spans="1:8" s="5" customFormat="1" ht="13.5" customHeight="1" x14ac:dyDescent="0.2">
      <c r="B98" s="56"/>
      <c r="C98" s="11" t="s">
        <v>916</v>
      </c>
      <c r="D98" s="10" t="s">
        <v>36</v>
      </c>
      <c r="E98" s="53" t="s">
        <v>917</v>
      </c>
      <c r="F98" s="10" t="s">
        <v>918</v>
      </c>
      <c r="G98" s="54" t="s">
        <v>1478</v>
      </c>
      <c r="H98" s="55" t="s">
        <v>1479</v>
      </c>
    </row>
    <row r="99" spans="1:8" s="5" customFormat="1" ht="13.5" customHeight="1" x14ac:dyDescent="0.2">
      <c r="B99" s="56"/>
      <c r="C99" s="11" t="s">
        <v>919</v>
      </c>
      <c r="D99" s="10" t="s">
        <v>37</v>
      </c>
      <c r="E99" s="53" t="s">
        <v>920</v>
      </c>
      <c r="F99" s="10" t="s">
        <v>921</v>
      </c>
      <c r="G99" s="54" t="s">
        <v>1480</v>
      </c>
      <c r="H99" s="55" t="s">
        <v>1481</v>
      </c>
    </row>
    <row r="100" spans="1:8" s="5" customFormat="1" ht="13.5" customHeight="1" x14ac:dyDescent="0.2">
      <c r="B100" s="56"/>
      <c r="C100" s="11" t="s">
        <v>922</v>
      </c>
      <c r="D100" s="10" t="s">
        <v>38</v>
      </c>
      <c r="E100" s="53" t="s">
        <v>923</v>
      </c>
      <c r="F100" s="10" t="s">
        <v>924</v>
      </c>
      <c r="G100" s="54" t="s">
        <v>1482</v>
      </c>
      <c r="H100" s="55" t="s">
        <v>1483</v>
      </c>
    </row>
    <row r="101" spans="1:8" s="5" customFormat="1" ht="13.5" customHeight="1" x14ac:dyDescent="0.2">
      <c r="B101" s="56"/>
      <c r="C101" s="11" t="s">
        <v>925</v>
      </c>
      <c r="D101" s="10" t="s">
        <v>39</v>
      </c>
      <c r="E101" s="53" t="s">
        <v>1872</v>
      </c>
      <c r="F101" s="10" t="s">
        <v>926</v>
      </c>
      <c r="G101" s="54" t="s">
        <v>1484</v>
      </c>
      <c r="H101" s="55" t="s">
        <v>1485</v>
      </c>
    </row>
    <row r="102" spans="1:8" s="5" customFormat="1" ht="13.5" customHeight="1" x14ac:dyDescent="0.2">
      <c r="B102" s="56"/>
      <c r="C102" s="11" t="s">
        <v>927</v>
      </c>
      <c r="D102" s="10" t="s">
        <v>40</v>
      </c>
      <c r="E102" s="53" t="s">
        <v>928</v>
      </c>
      <c r="F102" s="10" t="s">
        <v>929</v>
      </c>
      <c r="G102" s="54" t="s">
        <v>1486</v>
      </c>
      <c r="H102" s="55" t="s">
        <v>1487</v>
      </c>
    </row>
    <row r="103" spans="1:8" s="5" customFormat="1" ht="13.5" customHeight="1" x14ac:dyDescent="0.2">
      <c r="B103" s="56"/>
      <c r="C103" s="11" t="s">
        <v>930</v>
      </c>
      <c r="D103" s="10" t="s">
        <v>41</v>
      </c>
      <c r="E103" s="53" t="s">
        <v>931</v>
      </c>
      <c r="F103" s="10" t="s">
        <v>932</v>
      </c>
      <c r="G103" s="54" t="s">
        <v>1488</v>
      </c>
      <c r="H103" s="55" t="s">
        <v>1489</v>
      </c>
    </row>
    <row r="104" spans="1:8" s="5" customFormat="1" ht="13.5" customHeight="1" x14ac:dyDescent="0.2">
      <c r="B104" s="56"/>
      <c r="C104" s="11" t="s">
        <v>933</v>
      </c>
      <c r="D104" s="10" t="s">
        <v>42</v>
      </c>
      <c r="E104" s="53" t="s">
        <v>934</v>
      </c>
      <c r="F104" s="10" t="s">
        <v>935</v>
      </c>
      <c r="G104" s="54" t="s">
        <v>1490</v>
      </c>
      <c r="H104" s="55" t="s">
        <v>1491</v>
      </c>
    </row>
    <row r="105" spans="1:8" s="5" customFormat="1" ht="14.25" customHeight="1" x14ac:dyDescent="0.2">
      <c r="B105" s="56"/>
      <c r="C105" s="11" t="s">
        <v>936</v>
      </c>
      <c r="D105" s="10" t="s">
        <v>43</v>
      </c>
      <c r="E105" s="53" t="s">
        <v>937</v>
      </c>
      <c r="F105" s="10" t="s">
        <v>938</v>
      </c>
      <c r="G105" s="54" t="s">
        <v>1492</v>
      </c>
      <c r="H105" s="55" t="s">
        <v>1493</v>
      </c>
    </row>
    <row r="106" spans="1:8" s="5" customFormat="1" ht="14.25" customHeight="1" x14ac:dyDescent="0.2">
      <c r="B106" s="56"/>
      <c r="C106" s="11" t="s">
        <v>939</v>
      </c>
      <c r="D106" s="10" t="s">
        <v>44</v>
      </c>
      <c r="E106" s="53" t="s">
        <v>1873</v>
      </c>
      <c r="F106" s="10" t="s">
        <v>940</v>
      </c>
      <c r="G106" s="54" t="s">
        <v>1494</v>
      </c>
      <c r="H106" s="55" t="s">
        <v>1495</v>
      </c>
    </row>
    <row r="107" spans="1:8" s="5" customFormat="1" ht="14.25" customHeight="1" x14ac:dyDescent="0.2">
      <c r="B107" s="56"/>
      <c r="C107" s="11" t="s">
        <v>941</v>
      </c>
      <c r="D107" s="10" t="s">
        <v>45</v>
      </c>
      <c r="E107" s="53" t="s">
        <v>942</v>
      </c>
      <c r="F107" s="10" t="s">
        <v>943</v>
      </c>
      <c r="G107" s="54" t="s">
        <v>1496</v>
      </c>
      <c r="H107" s="55" t="s">
        <v>1497</v>
      </c>
    </row>
    <row r="108" spans="1:8" s="5" customFormat="1" ht="14.25" customHeight="1" x14ac:dyDescent="0.2">
      <c r="B108" s="56"/>
      <c r="C108" s="11" t="s">
        <v>944</v>
      </c>
      <c r="D108" s="10" t="s">
        <v>46</v>
      </c>
      <c r="E108" s="53" t="s">
        <v>945</v>
      </c>
      <c r="F108" s="10" t="s">
        <v>946</v>
      </c>
      <c r="G108" s="54" t="s">
        <v>1498</v>
      </c>
      <c r="H108" s="55" t="s">
        <v>1499</v>
      </c>
    </row>
    <row r="109" spans="1:8" s="5" customFormat="1" ht="14.25" customHeight="1" x14ac:dyDescent="0.2">
      <c r="B109" s="56"/>
      <c r="C109" s="11" t="s">
        <v>947</v>
      </c>
      <c r="D109" s="10" t="s">
        <v>47</v>
      </c>
      <c r="E109" s="53" t="s">
        <v>948</v>
      </c>
      <c r="F109" s="10" t="s">
        <v>949</v>
      </c>
      <c r="G109" s="54" t="s">
        <v>1500</v>
      </c>
      <c r="H109" s="55" t="s">
        <v>1501</v>
      </c>
    </row>
    <row r="110" spans="1:8" s="5" customFormat="1" ht="14.25" customHeight="1" x14ac:dyDescent="0.2">
      <c r="B110" s="56"/>
      <c r="C110" s="11" t="s">
        <v>950</v>
      </c>
      <c r="D110" s="10" t="s">
        <v>48</v>
      </c>
      <c r="E110" s="53" t="s">
        <v>951</v>
      </c>
      <c r="F110" s="10" t="s">
        <v>952</v>
      </c>
      <c r="G110" s="54" t="s">
        <v>1502</v>
      </c>
      <c r="H110" s="55" t="s">
        <v>1503</v>
      </c>
    </row>
    <row r="111" spans="1:8" s="5" customFormat="1" ht="14.25" customHeight="1" x14ac:dyDescent="0.2">
      <c r="B111" s="56"/>
      <c r="C111" s="11" t="s">
        <v>953</v>
      </c>
      <c r="D111" s="10" t="s">
        <v>49</v>
      </c>
      <c r="E111" s="53" t="s">
        <v>954</v>
      </c>
      <c r="F111" s="10" t="s">
        <v>955</v>
      </c>
      <c r="G111" s="54" t="s">
        <v>1504</v>
      </c>
      <c r="H111" s="55" t="s">
        <v>1505</v>
      </c>
    </row>
    <row r="112" spans="1:8" s="5" customFormat="1" ht="14.25" customHeight="1" x14ac:dyDescent="0.2">
      <c r="B112" s="56"/>
      <c r="C112" s="11" t="s">
        <v>956</v>
      </c>
      <c r="D112" s="10" t="s">
        <v>50</v>
      </c>
      <c r="E112" s="53" t="s">
        <v>957</v>
      </c>
      <c r="F112" s="10" t="s">
        <v>958</v>
      </c>
      <c r="G112" s="54" t="s">
        <v>1506</v>
      </c>
      <c r="H112" s="55" t="s">
        <v>1507</v>
      </c>
    </row>
    <row r="113" spans="2:8" s="5" customFormat="1" ht="14.25" customHeight="1" x14ac:dyDescent="0.2">
      <c r="B113" s="56"/>
      <c r="C113" s="11" t="s">
        <v>959</v>
      </c>
      <c r="D113" s="10" t="s">
        <v>51</v>
      </c>
      <c r="E113" s="53" t="s">
        <v>960</v>
      </c>
      <c r="F113" s="10" t="s">
        <v>961</v>
      </c>
      <c r="G113" s="54" t="s">
        <v>1508</v>
      </c>
      <c r="H113" s="55" t="s">
        <v>1509</v>
      </c>
    </row>
    <row r="114" spans="2:8" s="5" customFormat="1" ht="14.25" customHeight="1" x14ac:dyDescent="0.2">
      <c r="B114" s="56"/>
      <c r="C114" s="11" t="s">
        <v>962</v>
      </c>
      <c r="D114" s="10" t="s">
        <v>52</v>
      </c>
      <c r="E114" s="53" t="s">
        <v>951</v>
      </c>
      <c r="F114" s="10" t="s">
        <v>963</v>
      </c>
      <c r="G114" s="54" t="s">
        <v>1510</v>
      </c>
      <c r="H114" s="55" t="s">
        <v>1511</v>
      </c>
    </row>
    <row r="115" spans="2:8" s="5" customFormat="1" ht="14.25" customHeight="1" x14ac:dyDescent="0.2">
      <c r="B115" s="56"/>
      <c r="C115" s="11" t="s">
        <v>964</v>
      </c>
      <c r="D115" s="10" t="s">
        <v>53</v>
      </c>
      <c r="E115" s="53" t="s">
        <v>54</v>
      </c>
      <c r="F115" s="10" t="s">
        <v>965</v>
      </c>
      <c r="G115" s="54" t="s">
        <v>1512</v>
      </c>
      <c r="H115" s="55" t="s">
        <v>1513</v>
      </c>
    </row>
    <row r="116" spans="2:8" s="5" customFormat="1" ht="14.25" customHeight="1" x14ac:dyDescent="0.2">
      <c r="B116" s="56"/>
      <c r="C116" s="11" t="s">
        <v>966</v>
      </c>
      <c r="D116" s="10" t="s">
        <v>55</v>
      </c>
      <c r="E116" s="53" t="s">
        <v>967</v>
      </c>
      <c r="F116" s="10" t="s">
        <v>968</v>
      </c>
      <c r="G116" s="54" t="s">
        <v>1514</v>
      </c>
      <c r="H116" s="55" t="s">
        <v>1515</v>
      </c>
    </row>
    <row r="117" spans="2:8" s="5" customFormat="1" ht="14.25" customHeight="1" x14ac:dyDescent="0.2">
      <c r="B117" s="56"/>
      <c r="C117" s="11" t="s">
        <v>969</v>
      </c>
      <c r="D117" s="10" t="s">
        <v>56</v>
      </c>
      <c r="E117" s="53" t="s">
        <v>970</v>
      </c>
      <c r="F117" s="10" t="s">
        <v>971</v>
      </c>
      <c r="G117" s="54" t="s">
        <v>1516</v>
      </c>
      <c r="H117" s="55" t="s">
        <v>1517</v>
      </c>
    </row>
    <row r="118" spans="2:8" s="5" customFormat="1" ht="14.25" customHeight="1" x14ac:dyDescent="0.2">
      <c r="B118" s="56"/>
      <c r="C118" s="11" t="s">
        <v>972</v>
      </c>
      <c r="D118" s="10" t="s">
        <v>57</v>
      </c>
      <c r="E118" s="53" t="s">
        <v>973</v>
      </c>
      <c r="F118" s="10" t="s">
        <v>974</v>
      </c>
      <c r="G118" s="54" t="s">
        <v>1518</v>
      </c>
      <c r="H118" s="55" t="s">
        <v>1519</v>
      </c>
    </row>
    <row r="119" spans="2:8" s="5" customFormat="1" ht="14.25" customHeight="1" x14ac:dyDescent="0.2">
      <c r="B119" s="56"/>
      <c r="C119" s="11" t="s">
        <v>975</v>
      </c>
      <c r="D119" s="10" t="s">
        <v>58</v>
      </c>
      <c r="E119" s="53" t="s">
        <v>976</v>
      </c>
      <c r="F119" s="10" t="s">
        <v>977</v>
      </c>
      <c r="G119" s="54" t="s">
        <v>1520</v>
      </c>
      <c r="H119" s="55" t="s">
        <v>1521</v>
      </c>
    </row>
    <row r="120" spans="2:8" s="5" customFormat="1" ht="14.25" customHeight="1" x14ac:dyDescent="0.2">
      <c r="B120" s="56"/>
      <c r="C120" s="11" t="s">
        <v>978</v>
      </c>
      <c r="D120" s="10" t="s">
        <v>59</v>
      </c>
      <c r="E120" s="53" t="s">
        <v>979</v>
      </c>
      <c r="F120" s="10" t="s">
        <v>980</v>
      </c>
      <c r="G120" s="54" t="s">
        <v>1522</v>
      </c>
      <c r="H120" s="55" t="s">
        <v>1523</v>
      </c>
    </row>
    <row r="121" spans="2:8" s="5" customFormat="1" ht="14.25" customHeight="1" x14ac:dyDescent="0.2">
      <c r="B121" s="56"/>
      <c r="C121" s="11" t="s">
        <v>981</v>
      </c>
      <c r="D121" s="10" t="s">
        <v>60</v>
      </c>
      <c r="E121" s="53" t="s">
        <v>982</v>
      </c>
      <c r="F121" s="10" t="s">
        <v>983</v>
      </c>
      <c r="G121" s="54" t="s">
        <v>1524</v>
      </c>
      <c r="H121" s="55" t="s">
        <v>1525</v>
      </c>
    </row>
    <row r="122" spans="2:8" s="5" customFormat="1" ht="14.25" customHeight="1" x14ac:dyDescent="0.2">
      <c r="B122" s="56"/>
      <c r="C122" s="11" t="s">
        <v>985</v>
      </c>
      <c r="D122" s="10" t="s">
        <v>61</v>
      </c>
      <c r="E122" s="53" t="s">
        <v>986</v>
      </c>
      <c r="F122" s="10" t="s">
        <v>987</v>
      </c>
      <c r="G122" s="54" t="s">
        <v>1526</v>
      </c>
      <c r="H122" s="55" t="s">
        <v>1527</v>
      </c>
    </row>
    <row r="123" spans="2:8" s="5" customFormat="1" ht="14.25" customHeight="1" x14ac:dyDescent="0.2">
      <c r="B123" s="56"/>
      <c r="C123" s="11" t="s">
        <v>988</v>
      </c>
      <c r="D123" s="10" t="s">
        <v>62</v>
      </c>
      <c r="E123" s="53" t="s">
        <v>989</v>
      </c>
      <c r="F123" s="10" t="s">
        <v>990</v>
      </c>
      <c r="G123" s="54" t="s">
        <v>1528</v>
      </c>
      <c r="H123" s="55" t="s">
        <v>1529</v>
      </c>
    </row>
    <row r="124" spans="2:8" s="5" customFormat="1" ht="14.25" customHeight="1" x14ac:dyDescent="0.2">
      <c r="B124" s="56"/>
      <c r="C124" s="11" t="s">
        <v>991</v>
      </c>
      <c r="D124" s="10" t="s">
        <v>63</v>
      </c>
      <c r="E124" s="53" t="s">
        <v>992</v>
      </c>
      <c r="F124" s="10" t="s">
        <v>993</v>
      </c>
      <c r="G124" s="54" t="s">
        <v>1530</v>
      </c>
      <c r="H124" s="55" t="s">
        <v>1531</v>
      </c>
    </row>
    <row r="125" spans="2:8" s="5" customFormat="1" ht="14.25" customHeight="1" x14ac:dyDescent="0.2">
      <c r="B125" s="56"/>
      <c r="C125" s="11" t="s">
        <v>994</v>
      </c>
      <c r="D125" s="10" t="s">
        <v>64</v>
      </c>
      <c r="E125" s="53" t="s">
        <v>995</v>
      </c>
      <c r="F125" s="10" t="s">
        <v>996</v>
      </c>
      <c r="G125" s="54" t="s">
        <v>1532</v>
      </c>
      <c r="H125" s="55" t="s">
        <v>1533</v>
      </c>
    </row>
    <row r="126" spans="2:8" s="5" customFormat="1" ht="14.25" customHeight="1" x14ac:dyDescent="0.2">
      <c r="B126" s="56"/>
      <c r="C126" s="11" t="s">
        <v>997</v>
      </c>
      <c r="D126" s="10" t="s">
        <v>65</v>
      </c>
      <c r="E126" s="53" t="s">
        <v>976</v>
      </c>
      <c r="F126" s="10" t="s">
        <v>998</v>
      </c>
      <c r="G126" s="54" t="s">
        <v>1534</v>
      </c>
      <c r="H126" s="55" t="s">
        <v>1535</v>
      </c>
    </row>
    <row r="127" spans="2:8" s="5" customFormat="1" ht="14.25" customHeight="1" x14ac:dyDescent="0.2">
      <c r="B127" s="56"/>
      <c r="C127" s="11" t="s">
        <v>999</v>
      </c>
      <c r="D127" s="10" t="s">
        <v>66</v>
      </c>
      <c r="E127" s="53" t="s">
        <v>1000</v>
      </c>
      <c r="F127" s="10" t="s">
        <v>1001</v>
      </c>
      <c r="G127" s="54" t="s">
        <v>1536</v>
      </c>
      <c r="H127" s="55" t="s">
        <v>1537</v>
      </c>
    </row>
    <row r="128" spans="2:8" s="5" customFormat="1" ht="14.25" customHeight="1" x14ac:dyDescent="0.2">
      <c r="B128" s="56"/>
      <c r="C128" s="11" t="s">
        <v>67</v>
      </c>
      <c r="D128" s="10" t="s">
        <v>68</v>
      </c>
      <c r="E128" s="53" t="s">
        <v>976</v>
      </c>
      <c r="F128" s="10" t="s">
        <v>1002</v>
      </c>
      <c r="G128" s="54" t="s">
        <v>1538</v>
      </c>
      <c r="H128" s="55" t="s">
        <v>1539</v>
      </c>
    </row>
    <row r="129" spans="1:8" s="5" customFormat="1" ht="14.25" customHeight="1" x14ac:dyDescent="0.2">
      <c r="B129" s="56"/>
      <c r="C129" s="11" t="s">
        <v>1003</v>
      </c>
      <c r="D129" s="10" t="s">
        <v>69</v>
      </c>
      <c r="E129" s="53" t="s">
        <v>992</v>
      </c>
      <c r="F129" s="10" t="s">
        <v>1004</v>
      </c>
      <c r="G129" s="54" t="s">
        <v>1540</v>
      </c>
      <c r="H129" s="55" t="s">
        <v>1541</v>
      </c>
    </row>
    <row r="130" spans="1:8" s="5" customFormat="1" ht="14.25" customHeight="1" thickBot="1" x14ac:dyDescent="0.25">
      <c r="B130" s="57"/>
      <c r="C130" s="58" t="s">
        <v>1005</v>
      </c>
      <c r="D130" s="13" t="s">
        <v>70</v>
      </c>
      <c r="E130" s="59" t="s">
        <v>1006</v>
      </c>
      <c r="F130" s="13" t="s">
        <v>1007</v>
      </c>
      <c r="G130" s="60" t="s">
        <v>1542</v>
      </c>
      <c r="H130" s="61" t="s">
        <v>1543</v>
      </c>
    </row>
    <row r="131" spans="1:8" s="5" customFormat="1" x14ac:dyDescent="0.2">
      <c r="A131" s="9"/>
      <c r="B131" s="48" t="s">
        <v>559</v>
      </c>
      <c r="C131" s="14" t="s">
        <v>560</v>
      </c>
      <c r="D131" s="12" t="s">
        <v>1816</v>
      </c>
      <c r="E131" s="49" t="s">
        <v>561</v>
      </c>
      <c r="F131" s="12" t="s">
        <v>562</v>
      </c>
      <c r="G131" s="50" t="s">
        <v>1687</v>
      </c>
      <c r="H131" s="51" t="s">
        <v>1688</v>
      </c>
    </row>
    <row r="132" spans="1:8" s="5" customFormat="1" x14ac:dyDescent="0.2">
      <c r="A132" s="9"/>
      <c r="B132" s="52" t="s">
        <v>1139</v>
      </c>
      <c r="C132" s="11" t="s">
        <v>563</v>
      </c>
      <c r="D132" s="10" t="s">
        <v>1817</v>
      </c>
      <c r="E132" s="53" t="s">
        <v>564</v>
      </c>
      <c r="F132" s="10" t="s">
        <v>565</v>
      </c>
      <c r="G132" s="54" t="s">
        <v>1689</v>
      </c>
      <c r="H132" s="55" t="s">
        <v>1690</v>
      </c>
    </row>
    <row r="133" spans="1:8" s="5" customFormat="1" x14ac:dyDescent="0.2">
      <c r="B133" s="56"/>
      <c r="C133" s="11" t="s">
        <v>566</v>
      </c>
      <c r="D133" s="10" t="s">
        <v>1818</v>
      </c>
      <c r="E133" s="53" t="s">
        <v>567</v>
      </c>
      <c r="F133" s="10" t="s">
        <v>568</v>
      </c>
      <c r="G133" s="54" t="s">
        <v>1691</v>
      </c>
      <c r="H133" s="55" t="s">
        <v>1692</v>
      </c>
    </row>
    <row r="134" spans="1:8" s="5" customFormat="1" x14ac:dyDescent="0.2">
      <c r="B134" s="56"/>
      <c r="C134" s="11" t="s">
        <v>569</v>
      </c>
      <c r="D134" s="10" t="s">
        <v>1819</v>
      </c>
      <c r="E134" s="53" t="s">
        <v>567</v>
      </c>
      <c r="F134" s="10" t="s">
        <v>570</v>
      </c>
      <c r="G134" s="54" t="s">
        <v>1693</v>
      </c>
      <c r="H134" s="55" t="s">
        <v>1694</v>
      </c>
    </row>
    <row r="135" spans="1:8" s="5" customFormat="1" x14ac:dyDescent="0.2">
      <c r="B135" s="56"/>
      <c r="C135" s="11" t="s">
        <v>571</v>
      </c>
      <c r="D135" s="10" t="s">
        <v>1820</v>
      </c>
      <c r="E135" s="53" t="s">
        <v>1821</v>
      </c>
      <c r="F135" s="10" t="s">
        <v>572</v>
      </c>
      <c r="G135" s="54" t="s">
        <v>1695</v>
      </c>
      <c r="H135" s="55" t="s">
        <v>1696</v>
      </c>
    </row>
    <row r="136" spans="1:8" s="5" customFormat="1" x14ac:dyDescent="0.2">
      <c r="B136" s="56"/>
      <c r="C136" s="11" t="s">
        <v>573</v>
      </c>
      <c r="D136" s="10" t="s">
        <v>1822</v>
      </c>
      <c r="E136" s="53" t="s">
        <v>574</v>
      </c>
      <c r="F136" s="10" t="s">
        <v>575</v>
      </c>
      <c r="G136" s="54" t="s">
        <v>1697</v>
      </c>
      <c r="H136" s="55" t="s">
        <v>1698</v>
      </c>
    </row>
    <row r="137" spans="1:8" s="5" customFormat="1" x14ac:dyDescent="0.2">
      <c r="B137" s="56"/>
      <c r="C137" s="11" t="s">
        <v>576</v>
      </c>
      <c r="D137" s="10" t="s">
        <v>1823</v>
      </c>
      <c r="E137" s="53" t="s">
        <v>577</v>
      </c>
      <c r="F137" s="10" t="s">
        <v>578</v>
      </c>
      <c r="G137" s="54" t="s">
        <v>1699</v>
      </c>
      <c r="H137" s="55" t="s">
        <v>1700</v>
      </c>
    </row>
    <row r="138" spans="1:8" s="5" customFormat="1" x14ac:dyDescent="0.2">
      <c r="B138" s="56"/>
      <c r="C138" s="11" t="s">
        <v>579</v>
      </c>
      <c r="D138" s="10" t="s">
        <v>1824</v>
      </c>
      <c r="E138" s="53" t="s">
        <v>580</v>
      </c>
      <c r="F138" s="10" t="s">
        <v>581</v>
      </c>
      <c r="G138" s="54" t="s">
        <v>1701</v>
      </c>
      <c r="H138" s="55" t="s">
        <v>1702</v>
      </c>
    </row>
    <row r="139" spans="1:8" s="5" customFormat="1" x14ac:dyDescent="0.2">
      <c r="B139" s="56"/>
      <c r="C139" s="11" t="s">
        <v>582</v>
      </c>
      <c r="D139" s="10" t="s">
        <v>1825</v>
      </c>
      <c r="E139" s="53" t="s">
        <v>583</v>
      </c>
      <c r="F139" s="10" t="s">
        <v>584</v>
      </c>
      <c r="G139" s="54" t="s">
        <v>1703</v>
      </c>
      <c r="H139" s="55" t="s">
        <v>1704</v>
      </c>
    </row>
    <row r="140" spans="1:8" s="5" customFormat="1" x14ac:dyDescent="0.2">
      <c r="B140" s="56"/>
      <c r="C140" s="11" t="s">
        <v>585</v>
      </c>
      <c r="D140" s="10" t="s">
        <v>1826</v>
      </c>
      <c r="E140" s="53" t="s">
        <v>586</v>
      </c>
      <c r="F140" s="10" t="s">
        <v>587</v>
      </c>
      <c r="G140" s="54" t="s">
        <v>1705</v>
      </c>
      <c r="H140" s="55" t="s">
        <v>1706</v>
      </c>
    </row>
    <row r="141" spans="1:8" s="5" customFormat="1" x14ac:dyDescent="0.2">
      <c r="B141" s="56"/>
      <c r="C141" s="11" t="s">
        <v>588</v>
      </c>
      <c r="D141" s="10" t="s">
        <v>1827</v>
      </c>
      <c r="E141" s="53" t="s">
        <v>589</v>
      </c>
      <c r="F141" s="10" t="s">
        <v>590</v>
      </c>
      <c r="G141" s="54" t="s">
        <v>1707</v>
      </c>
      <c r="H141" s="55" t="s">
        <v>1708</v>
      </c>
    </row>
    <row r="142" spans="1:8" s="5" customFormat="1" x14ac:dyDescent="0.2">
      <c r="B142" s="56"/>
      <c r="C142" s="11" t="s">
        <v>591</v>
      </c>
      <c r="D142" s="10" t="s">
        <v>1828</v>
      </c>
      <c r="E142" s="53" t="s">
        <v>592</v>
      </c>
      <c r="F142" s="10" t="s">
        <v>593</v>
      </c>
      <c r="G142" s="54" t="s">
        <v>1709</v>
      </c>
      <c r="H142" s="55" t="s">
        <v>1710</v>
      </c>
    </row>
    <row r="143" spans="1:8" s="5" customFormat="1" x14ac:dyDescent="0.2">
      <c r="B143" s="56"/>
      <c r="C143" s="11" t="s">
        <v>594</v>
      </c>
      <c r="D143" s="10" t="s">
        <v>1829</v>
      </c>
      <c r="E143" s="53" t="s">
        <v>595</v>
      </c>
      <c r="F143" s="10" t="s">
        <v>596</v>
      </c>
      <c r="G143" s="54" t="s">
        <v>1711</v>
      </c>
      <c r="H143" s="55" t="s">
        <v>1712</v>
      </c>
    </row>
    <row r="144" spans="1:8" s="5" customFormat="1" x14ac:dyDescent="0.2">
      <c r="B144" s="56"/>
      <c r="C144" s="11" t="s">
        <v>597</v>
      </c>
      <c r="D144" s="10" t="s">
        <v>1830</v>
      </c>
      <c r="E144" s="53" t="s">
        <v>598</v>
      </c>
      <c r="F144" s="10" t="s">
        <v>599</v>
      </c>
      <c r="G144" s="54" t="s">
        <v>1713</v>
      </c>
      <c r="H144" s="55" t="s">
        <v>1714</v>
      </c>
    </row>
    <row r="145" spans="1:8" s="5" customFormat="1" x14ac:dyDescent="0.2">
      <c r="B145" s="56"/>
      <c r="C145" s="11" t="s">
        <v>600</v>
      </c>
      <c r="D145" s="10" t="s">
        <v>1831</v>
      </c>
      <c r="E145" s="53" t="s">
        <v>601</v>
      </c>
      <c r="F145" s="10" t="s">
        <v>602</v>
      </c>
      <c r="G145" s="54" t="s">
        <v>1715</v>
      </c>
      <c r="H145" s="55" t="s">
        <v>1716</v>
      </c>
    </row>
    <row r="146" spans="1:8" s="5" customFormat="1" x14ac:dyDescent="0.2">
      <c r="B146" s="56"/>
      <c r="C146" s="11" t="s">
        <v>603</v>
      </c>
      <c r="D146" s="10" t="s">
        <v>1832</v>
      </c>
      <c r="E146" s="53" t="s">
        <v>589</v>
      </c>
      <c r="F146" s="10" t="s">
        <v>605</v>
      </c>
      <c r="G146" s="54" t="s">
        <v>1717</v>
      </c>
      <c r="H146" s="55" t="s">
        <v>1718</v>
      </c>
    </row>
    <row r="147" spans="1:8" s="5" customFormat="1" x14ac:dyDescent="0.2">
      <c r="B147" s="56"/>
      <c r="C147" s="11" t="s">
        <v>606</v>
      </c>
      <c r="D147" s="10" t="s">
        <v>1833</v>
      </c>
      <c r="E147" s="53" t="s">
        <v>607</v>
      </c>
      <c r="F147" s="10" t="s">
        <v>1874</v>
      </c>
      <c r="G147" s="54" t="s">
        <v>1719</v>
      </c>
      <c r="H147" s="55" t="s">
        <v>1720</v>
      </c>
    </row>
    <row r="148" spans="1:8" s="5" customFormat="1" x14ac:dyDescent="0.2">
      <c r="B148" s="56"/>
      <c r="C148" s="11" t="s">
        <v>608</v>
      </c>
      <c r="D148" s="10" t="s">
        <v>1834</v>
      </c>
      <c r="E148" s="53" t="s">
        <v>609</v>
      </c>
      <c r="F148" s="10" t="s">
        <v>610</v>
      </c>
      <c r="G148" s="54" t="s">
        <v>1721</v>
      </c>
      <c r="H148" s="55" t="s">
        <v>1722</v>
      </c>
    </row>
    <row r="149" spans="1:8" s="5" customFormat="1" x14ac:dyDescent="0.2">
      <c r="B149" s="56"/>
      <c r="C149" s="11" t="s">
        <v>611</v>
      </c>
      <c r="D149" s="10" t="s">
        <v>1835</v>
      </c>
      <c r="E149" s="53" t="s">
        <v>612</v>
      </c>
      <c r="F149" s="10" t="s">
        <v>1875</v>
      </c>
      <c r="G149" s="54" t="s">
        <v>1723</v>
      </c>
      <c r="H149" s="55" t="s">
        <v>1724</v>
      </c>
    </row>
    <row r="150" spans="1:8" s="5" customFormat="1" x14ac:dyDescent="0.2">
      <c r="B150" s="56"/>
      <c r="C150" s="11" t="s">
        <v>626</v>
      </c>
      <c r="D150" s="10" t="s">
        <v>1836</v>
      </c>
      <c r="E150" s="53" t="s">
        <v>627</v>
      </c>
      <c r="F150" s="10" t="s">
        <v>628</v>
      </c>
      <c r="G150" s="54" t="s">
        <v>1725</v>
      </c>
      <c r="H150" s="55" t="s">
        <v>1726</v>
      </c>
    </row>
    <row r="151" spans="1:8" s="5" customFormat="1" x14ac:dyDescent="0.2">
      <c r="B151" s="56"/>
      <c r="C151" s="10" t="s">
        <v>629</v>
      </c>
      <c r="D151" s="67" t="s">
        <v>1837</v>
      </c>
      <c r="E151" s="53" t="s">
        <v>630</v>
      </c>
      <c r="F151" s="10" t="s">
        <v>631</v>
      </c>
      <c r="G151" s="54" t="s">
        <v>1727</v>
      </c>
      <c r="H151" s="64" t="s">
        <v>1728</v>
      </c>
    </row>
    <row r="152" spans="1:8" s="5" customFormat="1" x14ac:dyDescent="0.2">
      <c r="B152" s="56"/>
      <c r="C152" s="68" t="s">
        <v>613</v>
      </c>
      <c r="D152" s="17" t="s">
        <v>1838</v>
      </c>
      <c r="E152" s="69" t="s">
        <v>614</v>
      </c>
      <c r="F152" s="17" t="s">
        <v>615</v>
      </c>
      <c r="G152" s="70" t="s">
        <v>1729</v>
      </c>
      <c r="H152" s="71" t="s">
        <v>1730</v>
      </c>
    </row>
    <row r="153" spans="1:8" s="5" customFormat="1" x14ac:dyDescent="0.2">
      <c r="B153" s="56"/>
      <c r="C153" s="11" t="s">
        <v>616</v>
      </c>
      <c r="D153" s="10" t="s">
        <v>1839</v>
      </c>
      <c r="E153" s="53" t="s">
        <v>617</v>
      </c>
      <c r="F153" s="10" t="s">
        <v>619</v>
      </c>
      <c r="G153" s="54" t="s">
        <v>1731</v>
      </c>
      <c r="H153" s="55" t="s">
        <v>1732</v>
      </c>
    </row>
    <row r="154" spans="1:8" s="5" customFormat="1" x14ac:dyDescent="0.2">
      <c r="B154" s="56"/>
      <c r="C154" s="11" t="s">
        <v>620</v>
      </c>
      <c r="D154" s="10" t="s">
        <v>1840</v>
      </c>
      <c r="E154" s="53" t="s">
        <v>621</v>
      </c>
      <c r="F154" s="10" t="s">
        <v>622</v>
      </c>
      <c r="G154" s="54" t="s">
        <v>1733</v>
      </c>
      <c r="H154" s="55" t="s">
        <v>1734</v>
      </c>
    </row>
    <row r="155" spans="1:8" s="5" customFormat="1" ht="13.5" thickBot="1" x14ac:dyDescent="0.25">
      <c r="B155" s="57"/>
      <c r="C155" s="72" t="s">
        <v>623</v>
      </c>
      <c r="D155" s="16" t="s">
        <v>1841</v>
      </c>
      <c r="E155" s="73" t="s">
        <v>624</v>
      </c>
      <c r="F155" s="16" t="s">
        <v>625</v>
      </c>
      <c r="G155" s="74" t="s">
        <v>1735</v>
      </c>
      <c r="H155" s="75" t="s">
        <v>1736</v>
      </c>
    </row>
    <row r="156" spans="1:8" s="5" customFormat="1" ht="14.25" customHeight="1" x14ac:dyDescent="0.2">
      <c r="A156" s="9"/>
      <c r="B156" s="19" t="s">
        <v>1054</v>
      </c>
      <c r="C156" s="62" t="s">
        <v>1055</v>
      </c>
      <c r="D156" s="12" t="s">
        <v>1781</v>
      </c>
      <c r="E156" s="49" t="s">
        <v>1056</v>
      </c>
      <c r="F156" s="12" t="s">
        <v>1057</v>
      </c>
      <c r="G156" s="50" t="s">
        <v>1428</v>
      </c>
      <c r="H156" s="76" t="s">
        <v>1778</v>
      </c>
    </row>
    <row r="157" spans="1:8" s="5" customFormat="1" ht="14.25" customHeight="1" x14ac:dyDescent="0.2">
      <c r="A157" s="9"/>
      <c r="B157" s="56" t="s">
        <v>1136</v>
      </c>
      <c r="C157" s="63" t="s">
        <v>1058</v>
      </c>
      <c r="D157" s="10" t="s">
        <v>1782</v>
      </c>
      <c r="E157" s="53" t="s">
        <v>1059</v>
      </c>
      <c r="F157" s="10" t="s">
        <v>1060</v>
      </c>
      <c r="G157" s="54" t="s">
        <v>1429</v>
      </c>
      <c r="H157" s="55" t="s">
        <v>1778</v>
      </c>
    </row>
    <row r="158" spans="1:8" s="5" customFormat="1" ht="14.25" customHeight="1" x14ac:dyDescent="0.2">
      <c r="B158" s="56"/>
      <c r="C158" s="11" t="s">
        <v>1061</v>
      </c>
      <c r="D158" s="10" t="s">
        <v>1783</v>
      </c>
      <c r="E158" s="53" t="s">
        <v>1062</v>
      </c>
      <c r="F158" s="10" t="s">
        <v>1063</v>
      </c>
      <c r="G158" s="54" t="s">
        <v>1430</v>
      </c>
      <c r="H158" s="55" t="s">
        <v>1778</v>
      </c>
    </row>
    <row r="159" spans="1:8" s="5" customFormat="1" ht="14.25" customHeight="1" x14ac:dyDescent="0.2">
      <c r="B159" s="56"/>
      <c r="C159" s="11" t="s">
        <v>1064</v>
      </c>
      <c r="D159" s="10" t="s">
        <v>1784</v>
      </c>
      <c r="E159" s="53" t="s">
        <v>1065</v>
      </c>
      <c r="F159" s="10" t="s">
        <v>1066</v>
      </c>
      <c r="G159" s="54" t="s">
        <v>1431</v>
      </c>
      <c r="H159" s="55" t="s">
        <v>1778</v>
      </c>
    </row>
    <row r="160" spans="1:8" s="5" customFormat="1" ht="14.25" customHeight="1" x14ac:dyDescent="0.2">
      <c r="B160" s="56"/>
      <c r="C160" s="11" t="s">
        <v>1785</v>
      </c>
      <c r="D160" s="10" t="s">
        <v>1786</v>
      </c>
      <c r="E160" s="53" t="s">
        <v>1067</v>
      </c>
      <c r="F160" s="10" t="s">
        <v>1068</v>
      </c>
      <c r="G160" s="54" t="s">
        <v>1432</v>
      </c>
      <c r="H160" s="55" t="s">
        <v>1778</v>
      </c>
    </row>
    <row r="161" spans="1:8" s="5" customFormat="1" ht="14.25" customHeight="1" x14ac:dyDescent="0.2">
      <c r="B161" s="56"/>
      <c r="C161" s="11" t="s">
        <v>1069</v>
      </c>
      <c r="D161" s="10" t="s">
        <v>1787</v>
      </c>
      <c r="E161" s="53" t="s">
        <v>1070</v>
      </c>
      <c r="F161" s="10" t="s">
        <v>1071</v>
      </c>
      <c r="G161" s="54" t="s">
        <v>1433</v>
      </c>
      <c r="H161" s="55" t="s">
        <v>1778</v>
      </c>
    </row>
    <row r="162" spans="1:8" s="5" customFormat="1" ht="14.25" customHeight="1" x14ac:dyDescent="0.2">
      <c r="B162" s="56"/>
      <c r="C162" s="11" t="s">
        <v>1072</v>
      </c>
      <c r="D162" s="10" t="s">
        <v>1788</v>
      </c>
      <c r="E162" s="53" t="s">
        <v>1073</v>
      </c>
      <c r="F162" s="10" t="s">
        <v>1890</v>
      </c>
      <c r="G162" s="54" t="s">
        <v>1434</v>
      </c>
      <c r="H162" s="55" t="s">
        <v>1778</v>
      </c>
    </row>
    <row r="163" spans="1:8" s="5" customFormat="1" ht="14.25" customHeight="1" x14ac:dyDescent="0.2">
      <c r="B163" s="56"/>
      <c r="C163" s="11" t="s">
        <v>1074</v>
      </c>
      <c r="D163" s="10" t="s">
        <v>1789</v>
      </c>
      <c r="E163" s="53" t="s">
        <v>1075</v>
      </c>
      <c r="F163" s="10" t="s">
        <v>1076</v>
      </c>
      <c r="G163" s="54" t="s">
        <v>1435</v>
      </c>
      <c r="H163" s="55" t="s">
        <v>1778</v>
      </c>
    </row>
    <row r="164" spans="1:8" s="5" customFormat="1" ht="14.25" customHeight="1" x14ac:dyDescent="0.2">
      <c r="B164" s="56"/>
      <c r="C164" s="11" t="s">
        <v>1077</v>
      </c>
      <c r="D164" s="10" t="s">
        <v>1790</v>
      </c>
      <c r="E164" s="53" t="s">
        <v>1876</v>
      </c>
      <c r="F164" s="10" t="s">
        <v>1078</v>
      </c>
      <c r="G164" s="54" t="s">
        <v>1436</v>
      </c>
      <c r="H164" s="55" t="s">
        <v>1778</v>
      </c>
    </row>
    <row r="165" spans="1:8" s="5" customFormat="1" ht="14.25" customHeight="1" x14ac:dyDescent="0.2">
      <c r="B165" s="56"/>
      <c r="C165" s="11" t="s">
        <v>1079</v>
      </c>
      <c r="D165" s="10" t="s">
        <v>1791</v>
      </c>
      <c r="E165" s="53" t="s">
        <v>1080</v>
      </c>
      <c r="F165" s="10" t="s">
        <v>1081</v>
      </c>
      <c r="G165" s="54" t="s">
        <v>1437</v>
      </c>
      <c r="H165" s="55" t="s">
        <v>1778</v>
      </c>
    </row>
    <row r="166" spans="1:8" s="5" customFormat="1" ht="14.25" customHeight="1" x14ac:dyDescent="0.2">
      <c r="B166" s="56"/>
      <c r="C166" s="11" t="s">
        <v>1082</v>
      </c>
      <c r="D166" s="10" t="s">
        <v>1792</v>
      </c>
      <c r="E166" s="53" t="s">
        <v>1083</v>
      </c>
      <c r="F166" s="10" t="s">
        <v>1084</v>
      </c>
      <c r="G166" s="54" t="s">
        <v>1438</v>
      </c>
      <c r="H166" s="55" t="s">
        <v>19</v>
      </c>
    </row>
    <row r="167" spans="1:8" s="5" customFormat="1" ht="14.25" customHeight="1" x14ac:dyDescent="0.2">
      <c r="B167" s="56"/>
      <c r="C167" s="11" t="s">
        <v>1793</v>
      </c>
      <c r="D167" s="10" t="s">
        <v>1794</v>
      </c>
      <c r="E167" s="53" t="s">
        <v>1085</v>
      </c>
      <c r="F167" s="10" t="s">
        <v>1086</v>
      </c>
      <c r="G167" s="54" t="s">
        <v>1439</v>
      </c>
      <c r="H167" s="55" t="s">
        <v>1778</v>
      </c>
    </row>
    <row r="168" spans="1:8" s="5" customFormat="1" ht="14.25" customHeight="1" x14ac:dyDescent="0.2">
      <c r="B168" s="56"/>
      <c r="C168" s="11" t="s">
        <v>1087</v>
      </c>
      <c r="D168" s="10" t="s">
        <v>1795</v>
      </c>
      <c r="E168" s="53" t="s">
        <v>1088</v>
      </c>
      <c r="F168" s="10" t="s">
        <v>1089</v>
      </c>
      <c r="G168" s="54" t="s">
        <v>1440</v>
      </c>
      <c r="H168" s="55" t="s">
        <v>1778</v>
      </c>
    </row>
    <row r="169" spans="1:8" s="5" customFormat="1" ht="14.25" customHeight="1" x14ac:dyDescent="0.2">
      <c r="B169" s="56"/>
      <c r="C169" s="11" t="s">
        <v>1090</v>
      </c>
      <c r="D169" s="10" t="s">
        <v>1796</v>
      </c>
      <c r="E169" s="53" t="s">
        <v>1091</v>
      </c>
      <c r="F169" s="10" t="s">
        <v>1092</v>
      </c>
      <c r="G169" s="54" t="s">
        <v>1441</v>
      </c>
      <c r="H169" s="55" t="s">
        <v>1778</v>
      </c>
    </row>
    <row r="170" spans="1:8" s="5" customFormat="1" ht="14.25" customHeight="1" x14ac:dyDescent="0.2">
      <c r="B170" s="56"/>
      <c r="C170" s="11" t="s">
        <v>1093</v>
      </c>
      <c r="D170" s="10" t="s">
        <v>1859</v>
      </c>
      <c r="E170" s="53" t="s">
        <v>1094</v>
      </c>
      <c r="F170" s="10" t="s">
        <v>1095</v>
      </c>
      <c r="G170" s="54" t="s">
        <v>1442</v>
      </c>
      <c r="H170" s="55" t="s">
        <v>1778</v>
      </c>
    </row>
    <row r="171" spans="1:8" s="5" customFormat="1" ht="14.25" customHeight="1" x14ac:dyDescent="0.2">
      <c r="B171" s="56"/>
      <c r="C171" s="11" t="s">
        <v>1096</v>
      </c>
      <c r="D171" s="10" t="s">
        <v>1797</v>
      </c>
      <c r="E171" s="53" t="s">
        <v>1097</v>
      </c>
      <c r="F171" s="10" t="s">
        <v>1098</v>
      </c>
      <c r="G171" s="54" t="s">
        <v>1443</v>
      </c>
      <c r="H171" s="55" t="s">
        <v>1778</v>
      </c>
    </row>
    <row r="172" spans="1:8" s="5" customFormat="1" ht="14.25" customHeight="1" x14ac:dyDescent="0.2">
      <c r="B172" s="56"/>
      <c r="C172" s="11" t="s">
        <v>1099</v>
      </c>
      <c r="D172" s="10" t="s">
        <v>1798</v>
      </c>
      <c r="E172" s="53" t="s">
        <v>1059</v>
      </c>
      <c r="F172" s="10" t="s">
        <v>1100</v>
      </c>
      <c r="G172" s="54" t="s">
        <v>1444</v>
      </c>
      <c r="H172" s="55" t="s">
        <v>1778</v>
      </c>
    </row>
    <row r="173" spans="1:8" s="5" customFormat="1" ht="14.25" customHeight="1" x14ac:dyDescent="0.2">
      <c r="B173" s="56"/>
      <c r="C173" s="11" t="s">
        <v>1101</v>
      </c>
      <c r="D173" s="10" t="s">
        <v>1799</v>
      </c>
      <c r="E173" s="53" t="s">
        <v>1102</v>
      </c>
      <c r="F173" s="10" t="s">
        <v>1103</v>
      </c>
      <c r="G173" s="54" t="s">
        <v>1445</v>
      </c>
      <c r="H173" s="55" t="s">
        <v>1778</v>
      </c>
    </row>
    <row r="174" spans="1:8" s="5" customFormat="1" ht="14.25" customHeight="1" thickBot="1" x14ac:dyDescent="0.25">
      <c r="B174" s="57"/>
      <c r="C174" s="58" t="s">
        <v>984</v>
      </c>
      <c r="D174" s="13" t="s">
        <v>1800</v>
      </c>
      <c r="E174" s="59" t="s">
        <v>1877</v>
      </c>
      <c r="F174" s="13" t="s">
        <v>1878</v>
      </c>
      <c r="G174" s="60" t="s">
        <v>1446</v>
      </c>
      <c r="H174" s="61" t="s">
        <v>1778</v>
      </c>
    </row>
    <row r="175" spans="1:8" s="5" customFormat="1" ht="14.25" customHeight="1" x14ac:dyDescent="0.2">
      <c r="A175" s="9"/>
      <c r="B175" s="56" t="s">
        <v>1104</v>
      </c>
      <c r="C175" s="62" t="s">
        <v>1105</v>
      </c>
      <c r="D175" s="12" t="s">
        <v>71</v>
      </c>
      <c r="E175" s="49" t="s">
        <v>1106</v>
      </c>
      <c r="F175" s="12" t="s">
        <v>1107</v>
      </c>
      <c r="G175" s="50" t="s">
        <v>1188</v>
      </c>
      <c r="H175" s="51" t="s">
        <v>1323</v>
      </c>
    </row>
    <row r="176" spans="1:8" s="5" customFormat="1" ht="14.25" customHeight="1" x14ac:dyDescent="0.2">
      <c r="A176" s="9"/>
      <c r="B176" s="52" t="s">
        <v>1108</v>
      </c>
      <c r="C176" s="11" t="s">
        <v>1109</v>
      </c>
      <c r="D176" s="10" t="s">
        <v>72</v>
      </c>
      <c r="E176" s="53" t="s">
        <v>1879</v>
      </c>
      <c r="F176" s="10" t="s">
        <v>1943</v>
      </c>
      <c r="G176" s="54" t="s">
        <v>1189</v>
      </c>
      <c r="H176" s="55" t="s">
        <v>1324</v>
      </c>
    </row>
    <row r="177" spans="1:8" s="5" customFormat="1" ht="14.25" customHeight="1" x14ac:dyDescent="0.2">
      <c r="B177" s="56"/>
      <c r="C177" s="11" t="s">
        <v>1110</v>
      </c>
      <c r="D177" s="10" t="s">
        <v>73</v>
      </c>
      <c r="E177" s="53" t="s">
        <v>1111</v>
      </c>
      <c r="F177" s="10" t="s">
        <v>1112</v>
      </c>
      <c r="G177" s="54" t="s">
        <v>1190</v>
      </c>
      <c r="H177" s="55" t="s">
        <v>1325</v>
      </c>
    </row>
    <row r="178" spans="1:8" s="5" customFormat="1" ht="14.25" customHeight="1" x14ac:dyDescent="0.2">
      <c r="B178" s="56"/>
      <c r="C178" s="11" t="s">
        <v>1113</v>
      </c>
      <c r="D178" s="10" t="s">
        <v>74</v>
      </c>
      <c r="E178" s="53" t="s">
        <v>1114</v>
      </c>
      <c r="F178" s="10" t="s">
        <v>1115</v>
      </c>
      <c r="G178" s="54" t="s">
        <v>1447</v>
      </c>
      <c r="H178" s="55" t="s">
        <v>1448</v>
      </c>
    </row>
    <row r="179" spans="1:8" s="5" customFormat="1" ht="14.25" customHeight="1" thickBot="1" x14ac:dyDescent="0.25">
      <c r="B179" s="57"/>
      <c r="C179" s="58" t="s">
        <v>1116</v>
      </c>
      <c r="D179" s="13" t="s">
        <v>75</v>
      </c>
      <c r="E179" s="59" t="s">
        <v>1117</v>
      </c>
      <c r="F179" s="13" t="s">
        <v>1118</v>
      </c>
      <c r="G179" s="60" t="s">
        <v>1191</v>
      </c>
      <c r="H179" s="61" t="s">
        <v>1326</v>
      </c>
    </row>
    <row r="180" spans="1:8" s="5" customFormat="1" ht="14.25" customHeight="1" x14ac:dyDescent="0.2">
      <c r="A180" s="9"/>
      <c r="B180" s="19" t="s">
        <v>1119</v>
      </c>
      <c r="C180" s="62" t="s">
        <v>1120</v>
      </c>
      <c r="D180" s="12" t="s">
        <v>1801</v>
      </c>
      <c r="E180" s="49" t="s">
        <v>1121</v>
      </c>
      <c r="F180" s="12" t="s">
        <v>1122</v>
      </c>
      <c r="G180" s="50" t="s">
        <v>1192</v>
      </c>
      <c r="H180" s="51" t="s">
        <v>1327</v>
      </c>
    </row>
    <row r="181" spans="1:8" s="5" customFormat="1" ht="14.25" customHeight="1" x14ac:dyDescent="0.2">
      <c r="A181" s="9"/>
      <c r="B181" s="52" t="s">
        <v>1137</v>
      </c>
      <c r="C181" s="11" t="s">
        <v>1123</v>
      </c>
      <c r="D181" s="10" t="s">
        <v>1802</v>
      </c>
      <c r="E181" s="53" t="s">
        <v>1124</v>
      </c>
      <c r="F181" s="10" t="s">
        <v>1125</v>
      </c>
      <c r="G181" s="54" t="s">
        <v>1193</v>
      </c>
      <c r="H181" s="55" t="s">
        <v>1328</v>
      </c>
    </row>
    <row r="182" spans="1:8" s="5" customFormat="1" ht="14.25" customHeight="1" x14ac:dyDescent="0.2">
      <c r="B182" s="56"/>
      <c r="C182" s="11" t="s">
        <v>1126</v>
      </c>
      <c r="D182" s="10" t="s">
        <v>1803</v>
      </c>
      <c r="E182" s="53" t="s">
        <v>1127</v>
      </c>
      <c r="F182" s="10" t="s">
        <v>1128</v>
      </c>
      <c r="G182" s="54" t="s">
        <v>1194</v>
      </c>
      <c r="H182" s="55" t="s">
        <v>1329</v>
      </c>
    </row>
    <row r="183" spans="1:8" s="5" customFormat="1" ht="14.25" customHeight="1" x14ac:dyDescent="0.2">
      <c r="B183" s="56"/>
      <c r="C183" s="11" t="s">
        <v>1129</v>
      </c>
      <c r="D183" s="10" t="s">
        <v>1804</v>
      </c>
      <c r="E183" s="53" t="s">
        <v>1130</v>
      </c>
      <c r="F183" s="10" t="s">
        <v>248</v>
      </c>
      <c r="G183" s="54" t="s">
        <v>1195</v>
      </c>
      <c r="H183" s="55" t="s">
        <v>1330</v>
      </c>
    </row>
    <row r="184" spans="1:8" s="5" customFormat="1" ht="14.25" customHeight="1" x14ac:dyDescent="0.2">
      <c r="B184" s="56"/>
      <c r="C184" s="11" t="s">
        <v>249</v>
      </c>
      <c r="D184" s="10" t="s">
        <v>1805</v>
      </c>
      <c r="E184" s="53" t="s">
        <v>250</v>
      </c>
      <c r="F184" s="10" t="s">
        <v>251</v>
      </c>
      <c r="G184" s="54" t="s">
        <v>1196</v>
      </c>
      <c r="H184" s="55" t="s">
        <v>1331</v>
      </c>
    </row>
    <row r="185" spans="1:8" s="5" customFormat="1" ht="14.25" customHeight="1" x14ac:dyDescent="0.2">
      <c r="B185" s="56"/>
      <c r="C185" s="11" t="s">
        <v>252</v>
      </c>
      <c r="D185" s="10" t="s">
        <v>1806</v>
      </c>
      <c r="E185" s="53" t="s">
        <v>253</v>
      </c>
      <c r="F185" s="10" t="s">
        <v>254</v>
      </c>
      <c r="G185" s="54" t="s">
        <v>1197</v>
      </c>
      <c r="H185" s="55" t="s">
        <v>1332</v>
      </c>
    </row>
    <row r="186" spans="1:8" s="5" customFormat="1" ht="14.25" customHeight="1" x14ac:dyDescent="0.2">
      <c r="B186" s="56"/>
      <c r="C186" s="11" t="s">
        <v>255</v>
      </c>
      <c r="D186" s="10" t="s">
        <v>1807</v>
      </c>
      <c r="E186" s="53" t="s">
        <v>256</v>
      </c>
      <c r="F186" s="10" t="s">
        <v>257</v>
      </c>
      <c r="G186" s="54" t="s">
        <v>1198</v>
      </c>
      <c r="H186" s="55" t="s">
        <v>1333</v>
      </c>
    </row>
    <row r="187" spans="1:8" s="5" customFormat="1" ht="14.25" customHeight="1" thickBot="1" x14ac:dyDescent="0.25">
      <c r="B187" s="57"/>
      <c r="C187" s="58" t="s">
        <v>258</v>
      </c>
      <c r="D187" s="13" t="s">
        <v>1808</v>
      </c>
      <c r="E187" s="59" t="s">
        <v>1130</v>
      </c>
      <c r="F187" s="13" t="s">
        <v>259</v>
      </c>
      <c r="G187" s="60" t="s">
        <v>1199</v>
      </c>
      <c r="H187" s="61" t="s">
        <v>1334</v>
      </c>
    </row>
    <row r="188" spans="1:8" s="5" customFormat="1" x14ac:dyDescent="0.2">
      <c r="A188" s="9"/>
      <c r="B188" s="48" t="s">
        <v>474</v>
      </c>
      <c r="C188" s="14" t="s">
        <v>475</v>
      </c>
      <c r="D188" s="12" t="s">
        <v>37</v>
      </c>
      <c r="E188" s="49" t="s">
        <v>476</v>
      </c>
      <c r="F188" s="12" t="s">
        <v>477</v>
      </c>
      <c r="G188" s="50" t="s">
        <v>1600</v>
      </c>
      <c r="H188" s="51" t="s">
        <v>1601</v>
      </c>
    </row>
    <row r="189" spans="1:8" s="5" customFormat="1" x14ac:dyDescent="0.2">
      <c r="A189" s="9"/>
      <c r="B189" s="52" t="s">
        <v>777</v>
      </c>
      <c r="C189" s="11" t="s">
        <v>478</v>
      </c>
      <c r="D189" s="10" t="s">
        <v>209</v>
      </c>
      <c r="E189" s="53" t="s">
        <v>479</v>
      </c>
      <c r="F189" s="10" t="s">
        <v>480</v>
      </c>
      <c r="G189" s="54" t="s">
        <v>1602</v>
      </c>
      <c r="H189" s="55" t="s">
        <v>1603</v>
      </c>
    </row>
    <row r="190" spans="1:8" s="5" customFormat="1" x14ac:dyDescent="0.2">
      <c r="B190" s="56"/>
      <c r="C190" s="11" t="s">
        <v>481</v>
      </c>
      <c r="D190" s="10" t="s">
        <v>210</v>
      </c>
      <c r="E190" s="53" t="s">
        <v>482</v>
      </c>
      <c r="F190" s="10" t="s">
        <v>483</v>
      </c>
      <c r="G190" s="54" t="s">
        <v>1604</v>
      </c>
      <c r="H190" s="55" t="s">
        <v>1605</v>
      </c>
    </row>
    <row r="191" spans="1:8" s="5" customFormat="1" x14ac:dyDescent="0.2">
      <c r="B191" s="56"/>
      <c r="C191" s="11" t="s">
        <v>484</v>
      </c>
      <c r="D191" s="10" t="s">
        <v>211</v>
      </c>
      <c r="E191" s="53" t="s">
        <v>485</v>
      </c>
      <c r="F191" s="10" t="s">
        <v>486</v>
      </c>
      <c r="G191" s="54" t="s">
        <v>1606</v>
      </c>
      <c r="H191" s="55" t="s">
        <v>1607</v>
      </c>
    </row>
    <row r="192" spans="1:8" s="5" customFormat="1" x14ac:dyDescent="0.2">
      <c r="B192" s="56"/>
      <c r="C192" s="11" t="s">
        <v>487</v>
      </c>
      <c r="D192" s="10" t="s">
        <v>212</v>
      </c>
      <c r="E192" s="53" t="s">
        <v>488</v>
      </c>
      <c r="F192" s="10" t="s">
        <v>489</v>
      </c>
      <c r="G192" s="54" t="s">
        <v>1608</v>
      </c>
      <c r="H192" s="55" t="s">
        <v>1609</v>
      </c>
    </row>
    <row r="193" spans="1:8" s="5" customFormat="1" x14ac:dyDescent="0.2">
      <c r="B193" s="56"/>
      <c r="C193" s="11" t="s">
        <v>490</v>
      </c>
      <c r="D193" s="10" t="s">
        <v>213</v>
      </c>
      <c r="E193" s="53" t="s">
        <v>491</v>
      </c>
      <c r="F193" s="10" t="s">
        <v>492</v>
      </c>
      <c r="G193" s="54" t="s">
        <v>1610</v>
      </c>
      <c r="H193" s="55" t="s">
        <v>1611</v>
      </c>
    </row>
    <row r="194" spans="1:8" s="5" customFormat="1" x14ac:dyDescent="0.2">
      <c r="B194" s="56"/>
      <c r="C194" s="11" t="s">
        <v>493</v>
      </c>
      <c r="D194" s="10" t="s">
        <v>214</v>
      </c>
      <c r="E194" s="53" t="s">
        <v>494</v>
      </c>
      <c r="F194" s="10" t="s">
        <v>495</v>
      </c>
      <c r="G194" s="54" t="s">
        <v>1612</v>
      </c>
      <c r="H194" s="55" t="s">
        <v>1613</v>
      </c>
    </row>
    <row r="195" spans="1:8" s="5" customFormat="1" x14ac:dyDescent="0.2">
      <c r="B195" s="56"/>
      <c r="C195" s="11" t="s">
        <v>496</v>
      </c>
      <c r="D195" s="10" t="s">
        <v>215</v>
      </c>
      <c r="E195" s="53" t="s">
        <v>497</v>
      </c>
      <c r="F195" s="10" t="s">
        <v>498</v>
      </c>
      <c r="G195" s="54" t="s">
        <v>1614</v>
      </c>
      <c r="H195" s="55" t="s">
        <v>1615</v>
      </c>
    </row>
    <row r="196" spans="1:8" s="5" customFormat="1" x14ac:dyDescent="0.2">
      <c r="B196" s="56"/>
      <c r="C196" s="11" t="s">
        <v>499</v>
      </c>
      <c r="D196" s="10" t="s">
        <v>216</v>
      </c>
      <c r="E196" s="53" t="s">
        <v>500</v>
      </c>
      <c r="F196" s="10" t="s">
        <v>501</v>
      </c>
      <c r="G196" s="54" t="s">
        <v>1616</v>
      </c>
      <c r="H196" s="55" t="s">
        <v>1617</v>
      </c>
    </row>
    <row r="197" spans="1:8" s="5" customFormat="1" x14ac:dyDescent="0.2">
      <c r="B197" s="56"/>
      <c r="C197" s="11" t="s">
        <v>502</v>
      </c>
      <c r="D197" s="10" t="s">
        <v>217</v>
      </c>
      <c r="E197" s="53" t="s">
        <v>503</v>
      </c>
      <c r="F197" s="10" t="s">
        <v>504</v>
      </c>
      <c r="G197" s="54" t="s">
        <v>1618</v>
      </c>
      <c r="H197" s="55" t="s">
        <v>1619</v>
      </c>
    </row>
    <row r="198" spans="1:8" s="5" customFormat="1" x14ac:dyDescent="0.2">
      <c r="B198" s="56"/>
      <c r="C198" s="11" t="s">
        <v>505</v>
      </c>
      <c r="D198" s="10" t="s">
        <v>218</v>
      </c>
      <c r="E198" s="53" t="s">
        <v>506</v>
      </c>
      <c r="F198" s="10" t="s">
        <v>507</v>
      </c>
      <c r="G198" s="54" t="s">
        <v>1620</v>
      </c>
      <c r="H198" s="55" t="s">
        <v>1621</v>
      </c>
    </row>
    <row r="199" spans="1:8" s="5" customFormat="1" x14ac:dyDescent="0.2">
      <c r="B199" s="56"/>
      <c r="C199" s="11" t="s">
        <v>508</v>
      </c>
      <c r="D199" s="10" t="s">
        <v>219</v>
      </c>
      <c r="E199" s="53" t="s">
        <v>509</v>
      </c>
      <c r="F199" s="10" t="s">
        <v>510</v>
      </c>
      <c r="G199" s="54" t="s">
        <v>1622</v>
      </c>
      <c r="H199" s="55" t="s">
        <v>1623</v>
      </c>
    </row>
    <row r="200" spans="1:8" s="5" customFormat="1" ht="13.5" thickBot="1" x14ac:dyDescent="0.25">
      <c r="B200" s="57"/>
      <c r="C200" s="58" t="s">
        <v>511</v>
      </c>
      <c r="D200" s="13" t="s">
        <v>220</v>
      </c>
      <c r="E200" s="59" t="s">
        <v>512</v>
      </c>
      <c r="F200" s="13" t="s">
        <v>513</v>
      </c>
      <c r="G200" s="60" t="s">
        <v>1624</v>
      </c>
      <c r="H200" s="61" t="s">
        <v>1625</v>
      </c>
    </row>
    <row r="201" spans="1:8" s="5" customFormat="1" ht="14.25" customHeight="1" x14ac:dyDescent="0.2">
      <c r="A201" s="9"/>
      <c r="B201" s="19" t="s">
        <v>632</v>
      </c>
      <c r="C201" s="62" t="s">
        <v>633</v>
      </c>
      <c r="D201" s="12" t="s">
        <v>86</v>
      </c>
      <c r="E201" s="49" t="s">
        <v>634</v>
      </c>
      <c r="F201" s="12" t="s">
        <v>635</v>
      </c>
      <c r="G201" s="50" t="s">
        <v>1204</v>
      </c>
      <c r="H201" s="51" t="s">
        <v>1339</v>
      </c>
    </row>
    <row r="202" spans="1:8" s="5" customFormat="1" ht="14.25" customHeight="1" x14ac:dyDescent="0.2">
      <c r="A202" s="9"/>
      <c r="B202" s="52" t="s">
        <v>636</v>
      </c>
      <c r="C202" s="11" t="s">
        <v>637</v>
      </c>
      <c r="D202" s="10" t="s">
        <v>87</v>
      </c>
      <c r="E202" s="53" t="s">
        <v>638</v>
      </c>
      <c r="F202" s="10" t="s">
        <v>1860</v>
      </c>
      <c r="G202" s="54" t="s">
        <v>1205</v>
      </c>
      <c r="H202" s="55" t="s">
        <v>1340</v>
      </c>
    </row>
    <row r="203" spans="1:8" s="5" customFormat="1" ht="14.25" customHeight="1" x14ac:dyDescent="0.2">
      <c r="B203" s="56"/>
      <c r="C203" s="11" t="s">
        <v>639</v>
      </c>
      <c r="D203" s="10" t="s">
        <v>88</v>
      </c>
      <c r="E203" s="53" t="s">
        <v>640</v>
      </c>
      <c r="F203" s="10" t="s">
        <v>641</v>
      </c>
      <c r="G203" s="54" t="s">
        <v>1206</v>
      </c>
      <c r="H203" s="55" t="s">
        <v>1341</v>
      </c>
    </row>
    <row r="204" spans="1:8" s="5" customFormat="1" ht="14.25" customHeight="1" x14ac:dyDescent="0.2">
      <c r="B204" s="56"/>
      <c r="C204" s="11" t="s">
        <v>642</v>
      </c>
      <c r="D204" s="10" t="s">
        <v>89</v>
      </c>
      <c r="E204" s="53" t="s">
        <v>643</v>
      </c>
      <c r="F204" s="10" t="s">
        <v>644</v>
      </c>
      <c r="G204" s="54" t="s">
        <v>1207</v>
      </c>
      <c r="H204" s="55" t="s">
        <v>1342</v>
      </c>
    </row>
    <row r="205" spans="1:8" s="5" customFormat="1" ht="14.25" customHeight="1" x14ac:dyDescent="0.2">
      <c r="B205" s="56"/>
      <c r="C205" s="11" t="s">
        <v>645</v>
      </c>
      <c r="D205" s="10" t="s">
        <v>90</v>
      </c>
      <c r="E205" s="53" t="s">
        <v>646</v>
      </c>
      <c r="F205" s="10" t="s">
        <v>647</v>
      </c>
      <c r="G205" s="54" t="s">
        <v>1208</v>
      </c>
      <c r="H205" s="55" t="s">
        <v>1343</v>
      </c>
    </row>
    <row r="206" spans="1:8" s="5" customFormat="1" ht="14.25" customHeight="1" x14ac:dyDescent="0.2">
      <c r="B206" s="56"/>
      <c r="C206" s="11" t="s">
        <v>648</v>
      </c>
      <c r="D206" s="10" t="s">
        <v>91</v>
      </c>
      <c r="E206" s="53" t="s">
        <v>649</v>
      </c>
      <c r="F206" s="10" t="s">
        <v>650</v>
      </c>
      <c r="G206" s="54" t="s">
        <v>1209</v>
      </c>
      <c r="H206" s="55" t="s">
        <v>1344</v>
      </c>
    </row>
    <row r="207" spans="1:8" s="5" customFormat="1" ht="14.25" customHeight="1" x14ac:dyDescent="0.2">
      <c r="B207" s="56"/>
      <c r="C207" s="11" t="s">
        <v>1958</v>
      </c>
      <c r="D207" s="10" t="s">
        <v>92</v>
      </c>
      <c r="E207" s="53" t="s">
        <v>1953</v>
      </c>
      <c r="F207" s="10" t="s">
        <v>1954</v>
      </c>
      <c r="G207" s="54" t="s">
        <v>1210</v>
      </c>
      <c r="H207" s="55" t="s">
        <v>1345</v>
      </c>
    </row>
    <row r="208" spans="1:8" s="5" customFormat="1" ht="14.25" customHeight="1" x14ac:dyDescent="0.2">
      <c r="B208" s="56"/>
      <c r="C208" s="11" t="s">
        <v>652</v>
      </c>
      <c r="D208" s="10" t="s">
        <v>93</v>
      </c>
      <c r="E208" s="53" t="s">
        <v>653</v>
      </c>
      <c r="F208" s="10" t="s">
        <v>654</v>
      </c>
      <c r="G208" s="54" t="s">
        <v>1211</v>
      </c>
      <c r="H208" s="55" t="s">
        <v>1346</v>
      </c>
    </row>
    <row r="209" spans="1:8" s="5" customFormat="1" ht="14.25" customHeight="1" x14ac:dyDescent="0.2">
      <c r="B209" s="56"/>
      <c r="C209" s="11" t="s">
        <v>655</v>
      </c>
      <c r="D209" s="10" t="s">
        <v>94</v>
      </c>
      <c r="E209" s="53" t="s">
        <v>656</v>
      </c>
      <c r="F209" s="10" t="s">
        <v>657</v>
      </c>
      <c r="G209" s="54" t="s">
        <v>1212</v>
      </c>
      <c r="H209" s="55" t="s">
        <v>1347</v>
      </c>
    </row>
    <row r="210" spans="1:8" s="5" customFormat="1" ht="14.25" customHeight="1" x14ac:dyDescent="0.2">
      <c r="B210" s="56"/>
      <c r="C210" s="11" t="s">
        <v>658</v>
      </c>
      <c r="D210" s="10" t="s">
        <v>95</v>
      </c>
      <c r="E210" s="53" t="s">
        <v>659</v>
      </c>
      <c r="F210" s="10" t="s">
        <v>660</v>
      </c>
      <c r="G210" s="54" t="s">
        <v>1213</v>
      </c>
      <c r="H210" s="55" t="s">
        <v>1348</v>
      </c>
    </row>
    <row r="211" spans="1:8" s="5" customFormat="1" ht="14.25" customHeight="1" x14ac:dyDescent="0.2">
      <c r="B211" s="56"/>
      <c r="C211" s="11" t="s">
        <v>661</v>
      </c>
      <c r="D211" s="10" t="s">
        <v>96</v>
      </c>
      <c r="E211" s="53" t="s">
        <v>662</v>
      </c>
      <c r="F211" s="10" t="s">
        <v>663</v>
      </c>
      <c r="G211" s="54" t="s">
        <v>1214</v>
      </c>
      <c r="H211" s="55" t="s">
        <v>1349</v>
      </c>
    </row>
    <row r="212" spans="1:8" s="5" customFormat="1" ht="14.25" customHeight="1" x14ac:dyDescent="0.2">
      <c r="B212" s="56"/>
      <c r="C212" s="11" t="s">
        <v>1141</v>
      </c>
      <c r="D212" s="10" t="s">
        <v>97</v>
      </c>
      <c r="E212" s="53" t="s">
        <v>664</v>
      </c>
      <c r="F212" s="10" t="s">
        <v>1867</v>
      </c>
      <c r="G212" s="54" t="s">
        <v>1215</v>
      </c>
      <c r="H212" s="55" t="s">
        <v>1350</v>
      </c>
    </row>
    <row r="213" spans="1:8" s="5" customFormat="1" ht="14.25" customHeight="1" x14ac:dyDescent="0.2">
      <c r="B213" s="56"/>
      <c r="C213" s="11" t="s">
        <v>665</v>
      </c>
      <c r="D213" s="10" t="s">
        <v>98</v>
      </c>
      <c r="E213" s="53" t="s">
        <v>666</v>
      </c>
      <c r="F213" s="10" t="s">
        <v>667</v>
      </c>
      <c r="G213" s="54" t="s">
        <v>1216</v>
      </c>
      <c r="H213" s="55" t="s">
        <v>1351</v>
      </c>
    </row>
    <row r="214" spans="1:8" s="5" customFormat="1" ht="14.25" customHeight="1" x14ac:dyDescent="0.2">
      <c r="B214" s="56"/>
      <c r="C214" s="11" t="s">
        <v>668</v>
      </c>
      <c r="D214" s="10" t="s">
        <v>99</v>
      </c>
      <c r="E214" s="53" t="s">
        <v>100</v>
      </c>
      <c r="F214" s="10" t="s">
        <v>618</v>
      </c>
      <c r="G214" s="54" t="s">
        <v>1217</v>
      </c>
      <c r="H214" s="55" t="s">
        <v>1352</v>
      </c>
    </row>
    <row r="215" spans="1:8" s="5" customFormat="1" ht="14.25" customHeight="1" x14ac:dyDescent="0.2">
      <c r="B215" s="56"/>
      <c r="C215" s="11" t="s">
        <v>669</v>
      </c>
      <c r="D215" s="10" t="s">
        <v>101</v>
      </c>
      <c r="E215" s="53" t="s">
        <v>670</v>
      </c>
      <c r="F215" s="10" t="s">
        <v>671</v>
      </c>
      <c r="G215" s="54" t="s">
        <v>1218</v>
      </c>
      <c r="H215" s="55" t="s">
        <v>1353</v>
      </c>
    </row>
    <row r="216" spans="1:8" s="5" customFormat="1" ht="14.25" customHeight="1" x14ac:dyDescent="0.2">
      <c r="B216" s="56"/>
      <c r="C216" s="11" t="s">
        <v>672</v>
      </c>
      <c r="D216" s="10" t="s">
        <v>102</v>
      </c>
      <c r="E216" s="53" t="s">
        <v>673</v>
      </c>
      <c r="F216" s="10" t="s">
        <v>674</v>
      </c>
      <c r="G216" s="54" t="s">
        <v>1219</v>
      </c>
      <c r="H216" s="55" t="s">
        <v>1354</v>
      </c>
    </row>
    <row r="217" spans="1:8" s="5" customFormat="1" ht="14.25" customHeight="1" x14ac:dyDescent="0.2">
      <c r="B217" s="56"/>
      <c r="C217" s="11" t="s">
        <v>675</v>
      </c>
      <c r="D217" s="10" t="s">
        <v>103</v>
      </c>
      <c r="E217" s="53" t="s">
        <v>676</v>
      </c>
      <c r="F217" s="10" t="s">
        <v>677</v>
      </c>
      <c r="G217" s="54" t="s">
        <v>1220</v>
      </c>
      <c r="H217" s="55" t="s">
        <v>1355</v>
      </c>
    </row>
    <row r="218" spans="1:8" s="5" customFormat="1" ht="14.25" customHeight="1" x14ac:dyDescent="0.2">
      <c r="B218" s="56"/>
      <c r="C218" s="11" t="s">
        <v>678</v>
      </c>
      <c r="D218" s="10" t="s">
        <v>104</v>
      </c>
      <c r="E218" s="53" t="s">
        <v>643</v>
      </c>
      <c r="F218" s="10" t="s">
        <v>679</v>
      </c>
      <c r="G218" s="54" t="s">
        <v>1221</v>
      </c>
      <c r="H218" s="55" t="s">
        <v>1356</v>
      </c>
    </row>
    <row r="219" spans="1:8" s="5" customFormat="1" ht="14.25" customHeight="1" x14ac:dyDescent="0.2">
      <c r="B219" s="56"/>
      <c r="C219" s="11" t="s">
        <v>680</v>
      </c>
      <c r="D219" s="10" t="s">
        <v>105</v>
      </c>
      <c r="E219" s="53" t="s">
        <v>651</v>
      </c>
      <c r="F219" s="10" t="s">
        <v>681</v>
      </c>
      <c r="G219" s="54" t="s">
        <v>1222</v>
      </c>
      <c r="H219" s="55" t="s">
        <v>1357</v>
      </c>
    </row>
    <row r="220" spans="1:8" s="5" customFormat="1" ht="14.25" customHeight="1" x14ac:dyDescent="0.2">
      <c r="B220" s="56"/>
      <c r="C220" s="11" t="s">
        <v>682</v>
      </c>
      <c r="D220" s="10" t="s">
        <v>106</v>
      </c>
      <c r="E220" s="53" t="s">
        <v>683</v>
      </c>
      <c r="F220" s="10" t="s">
        <v>684</v>
      </c>
      <c r="G220" s="54" t="s">
        <v>1223</v>
      </c>
      <c r="H220" s="55" t="s">
        <v>1358</v>
      </c>
    </row>
    <row r="221" spans="1:8" s="5" customFormat="1" ht="14.25" customHeight="1" x14ac:dyDescent="0.2">
      <c r="B221" s="56"/>
      <c r="C221" s="11" t="s">
        <v>685</v>
      </c>
      <c r="D221" s="10" t="s">
        <v>107</v>
      </c>
      <c r="E221" s="53" t="s">
        <v>686</v>
      </c>
      <c r="F221" s="10" t="s">
        <v>687</v>
      </c>
      <c r="G221" s="54" t="s">
        <v>1224</v>
      </c>
      <c r="H221" s="55" t="s">
        <v>1359</v>
      </c>
    </row>
    <row r="222" spans="1:8" s="5" customFormat="1" ht="14.25" customHeight="1" x14ac:dyDescent="0.2">
      <c r="B222" s="56"/>
      <c r="C222" s="11" t="s">
        <v>688</v>
      </c>
      <c r="D222" s="10" t="s">
        <v>108</v>
      </c>
      <c r="E222" s="53" t="s">
        <v>689</v>
      </c>
      <c r="F222" s="10" t="s">
        <v>690</v>
      </c>
      <c r="G222" s="54" t="s">
        <v>1225</v>
      </c>
      <c r="H222" s="55" t="s">
        <v>1360</v>
      </c>
    </row>
    <row r="223" spans="1:8" s="5" customFormat="1" ht="14.25" customHeight="1" thickBot="1" x14ac:dyDescent="0.25">
      <c r="B223" s="57"/>
      <c r="C223" s="58" t="s">
        <v>691</v>
      </c>
      <c r="D223" s="13" t="s">
        <v>109</v>
      </c>
      <c r="E223" s="59" t="s">
        <v>692</v>
      </c>
      <c r="F223" s="13" t="s">
        <v>693</v>
      </c>
      <c r="G223" s="60" t="s">
        <v>1226</v>
      </c>
      <c r="H223" s="61" t="s">
        <v>1361</v>
      </c>
    </row>
    <row r="224" spans="1:8" s="5" customFormat="1" ht="14.25" customHeight="1" x14ac:dyDescent="0.2">
      <c r="A224" s="9"/>
      <c r="B224" s="19" t="s">
        <v>260</v>
      </c>
      <c r="C224" s="62" t="s">
        <v>261</v>
      </c>
      <c r="D224" s="12" t="s">
        <v>110</v>
      </c>
      <c r="E224" s="49" t="s">
        <v>262</v>
      </c>
      <c r="F224" s="12" t="s">
        <v>263</v>
      </c>
      <c r="G224" s="50" t="s">
        <v>1227</v>
      </c>
      <c r="H224" s="51" t="s">
        <v>1362</v>
      </c>
    </row>
    <row r="225" spans="1:8" s="5" customFormat="1" ht="14.25" customHeight="1" x14ac:dyDescent="0.2">
      <c r="A225" s="9"/>
      <c r="B225" s="52" t="s">
        <v>1136</v>
      </c>
      <c r="C225" s="11" t="s">
        <v>264</v>
      </c>
      <c r="D225" s="10" t="s">
        <v>111</v>
      </c>
      <c r="E225" s="53" t="s">
        <v>265</v>
      </c>
      <c r="F225" s="10" t="s">
        <v>266</v>
      </c>
      <c r="G225" s="54" t="s">
        <v>1228</v>
      </c>
      <c r="H225" s="55" t="s">
        <v>1363</v>
      </c>
    </row>
    <row r="226" spans="1:8" s="5" customFormat="1" ht="14.25" customHeight="1" x14ac:dyDescent="0.2">
      <c r="B226" s="56"/>
      <c r="C226" s="11" t="s">
        <v>267</v>
      </c>
      <c r="D226" s="10" t="s">
        <v>112</v>
      </c>
      <c r="E226" s="53" t="s">
        <v>268</v>
      </c>
      <c r="F226" s="10" t="s">
        <v>269</v>
      </c>
      <c r="G226" s="54" t="s">
        <v>1229</v>
      </c>
      <c r="H226" s="55" t="s">
        <v>1364</v>
      </c>
    </row>
    <row r="227" spans="1:8" s="5" customFormat="1" ht="14.25" customHeight="1" x14ac:dyDescent="0.2">
      <c r="B227" s="56"/>
      <c r="C227" s="11" t="s">
        <v>270</v>
      </c>
      <c r="D227" s="10" t="s">
        <v>113</v>
      </c>
      <c r="E227" s="53" t="s">
        <v>271</v>
      </c>
      <c r="F227" s="10" t="s">
        <v>272</v>
      </c>
      <c r="G227" s="54" t="s">
        <v>1230</v>
      </c>
      <c r="H227" s="55" t="s">
        <v>1365</v>
      </c>
    </row>
    <row r="228" spans="1:8" s="5" customFormat="1" ht="14.25" customHeight="1" x14ac:dyDescent="0.2">
      <c r="B228" s="56"/>
      <c r="C228" s="11" t="s">
        <v>273</v>
      </c>
      <c r="D228" s="10" t="s">
        <v>114</v>
      </c>
      <c r="E228" s="53" t="s">
        <v>274</v>
      </c>
      <c r="F228" s="10" t="s">
        <v>275</v>
      </c>
      <c r="G228" s="54" t="s">
        <v>1231</v>
      </c>
      <c r="H228" s="55" t="s">
        <v>1366</v>
      </c>
    </row>
    <row r="229" spans="1:8" s="5" customFormat="1" ht="14.25" customHeight="1" x14ac:dyDescent="0.2">
      <c r="B229" s="56"/>
      <c r="C229" s="11" t="s">
        <v>276</v>
      </c>
      <c r="D229" s="10" t="s">
        <v>115</v>
      </c>
      <c r="E229" s="53" t="s">
        <v>277</v>
      </c>
      <c r="F229" s="10" t="s">
        <v>278</v>
      </c>
      <c r="G229" s="54" t="s">
        <v>1232</v>
      </c>
      <c r="H229" s="55" t="s">
        <v>1367</v>
      </c>
    </row>
    <row r="230" spans="1:8" s="5" customFormat="1" ht="14.25" customHeight="1" x14ac:dyDescent="0.2">
      <c r="B230" s="56"/>
      <c r="C230" s="11" t="s">
        <v>279</v>
      </c>
      <c r="D230" s="10" t="s">
        <v>116</v>
      </c>
      <c r="E230" s="53" t="s">
        <v>1880</v>
      </c>
      <c r="F230" s="10" t="s">
        <v>1881</v>
      </c>
      <c r="G230" s="54" t="s">
        <v>1233</v>
      </c>
      <c r="H230" s="55" t="s">
        <v>1368</v>
      </c>
    </row>
    <row r="231" spans="1:8" s="5" customFormat="1" ht="14.25" customHeight="1" x14ac:dyDescent="0.2">
      <c r="B231" s="56"/>
      <c r="C231" s="11" t="s">
        <v>280</v>
      </c>
      <c r="D231" s="10" t="s">
        <v>117</v>
      </c>
      <c r="E231" s="53" t="s">
        <v>281</v>
      </c>
      <c r="F231" s="10" t="s">
        <v>282</v>
      </c>
      <c r="G231" s="54" t="s">
        <v>1234</v>
      </c>
      <c r="H231" s="55" t="s">
        <v>1369</v>
      </c>
    </row>
    <row r="232" spans="1:8" s="5" customFormat="1" ht="14.25" customHeight="1" x14ac:dyDescent="0.2">
      <c r="B232" s="56"/>
      <c r="C232" s="11" t="s">
        <v>283</v>
      </c>
      <c r="D232" s="10" t="s">
        <v>118</v>
      </c>
      <c r="E232" s="53" t="s">
        <v>1882</v>
      </c>
      <c r="F232" s="10" t="s">
        <v>1883</v>
      </c>
      <c r="G232" s="54" t="s">
        <v>1235</v>
      </c>
      <c r="H232" s="55" t="s">
        <v>1370</v>
      </c>
    </row>
    <row r="233" spans="1:8" s="5" customFormat="1" ht="13.5" customHeight="1" x14ac:dyDescent="0.2">
      <c r="B233" s="56"/>
      <c r="C233" s="11" t="s">
        <v>285</v>
      </c>
      <c r="D233" s="10" t="s">
        <v>119</v>
      </c>
      <c r="E233" s="53" t="s">
        <v>277</v>
      </c>
      <c r="F233" s="10" t="s">
        <v>286</v>
      </c>
      <c r="G233" s="54" t="s">
        <v>1236</v>
      </c>
      <c r="H233" s="55" t="s">
        <v>1371</v>
      </c>
    </row>
    <row r="234" spans="1:8" s="5" customFormat="1" ht="13.5" customHeight="1" x14ac:dyDescent="0.2">
      <c r="B234" s="56"/>
      <c r="C234" s="11" t="s">
        <v>287</v>
      </c>
      <c r="D234" s="10" t="s">
        <v>120</v>
      </c>
      <c r="E234" s="53" t="s">
        <v>288</v>
      </c>
      <c r="F234" s="10" t="s">
        <v>289</v>
      </c>
      <c r="G234" s="54" t="s">
        <v>1237</v>
      </c>
      <c r="H234" s="55" t="s">
        <v>1372</v>
      </c>
    </row>
    <row r="235" spans="1:8" s="5" customFormat="1" ht="13.5" customHeight="1" x14ac:dyDescent="0.2">
      <c r="B235" s="56"/>
      <c r="C235" s="11" t="s">
        <v>290</v>
      </c>
      <c r="D235" s="10" t="s">
        <v>121</v>
      </c>
      <c r="E235" s="53" t="s">
        <v>291</v>
      </c>
      <c r="F235" s="10" t="s">
        <v>292</v>
      </c>
      <c r="G235" s="54" t="s">
        <v>1238</v>
      </c>
      <c r="H235" s="55" t="s">
        <v>1373</v>
      </c>
    </row>
    <row r="236" spans="1:8" s="5" customFormat="1" ht="13.5" customHeight="1" x14ac:dyDescent="0.2">
      <c r="B236" s="56"/>
      <c r="C236" s="11" t="s">
        <v>293</v>
      </c>
      <c r="D236" s="10" t="s">
        <v>122</v>
      </c>
      <c r="E236" s="53" t="s">
        <v>294</v>
      </c>
      <c r="F236" s="10" t="s">
        <v>295</v>
      </c>
      <c r="G236" s="54" t="s">
        <v>1239</v>
      </c>
      <c r="H236" s="55" t="s">
        <v>1374</v>
      </c>
    </row>
    <row r="237" spans="1:8" s="5" customFormat="1" ht="13.5" customHeight="1" x14ac:dyDescent="0.2">
      <c r="B237" s="56"/>
      <c r="C237" s="11" t="s">
        <v>296</v>
      </c>
      <c r="D237" s="10" t="s">
        <v>123</v>
      </c>
      <c r="E237" s="53" t="s">
        <v>297</v>
      </c>
      <c r="F237" s="10" t="s">
        <v>298</v>
      </c>
      <c r="G237" s="54" t="s">
        <v>1240</v>
      </c>
      <c r="H237" s="55" t="s">
        <v>1375</v>
      </c>
    </row>
    <row r="238" spans="1:8" s="5" customFormat="1" ht="13.5" customHeight="1" x14ac:dyDescent="0.2">
      <c r="B238" s="56"/>
      <c r="C238" s="11" t="s">
        <v>299</v>
      </c>
      <c r="D238" s="10" t="s">
        <v>124</v>
      </c>
      <c r="E238" s="53" t="s">
        <v>294</v>
      </c>
      <c r="F238" s="10" t="s">
        <v>300</v>
      </c>
      <c r="G238" s="54" t="s">
        <v>1241</v>
      </c>
      <c r="H238" s="55" t="s">
        <v>1376</v>
      </c>
    </row>
    <row r="239" spans="1:8" s="5" customFormat="1" ht="13.5" customHeight="1" x14ac:dyDescent="0.2">
      <c r="B239" s="56"/>
      <c r="C239" s="11" t="s">
        <v>301</v>
      </c>
      <c r="D239" s="10" t="s">
        <v>125</v>
      </c>
      <c r="E239" s="53" t="s">
        <v>302</v>
      </c>
      <c r="F239" s="10" t="s">
        <v>303</v>
      </c>
      <c r="G239" s="54" t="s">
        <v>1242</v>
      </c>
      <c r="H239" s="55" t="s">
        <v>1377</v>
      </c>
    </row>
    <row r="240" spans="1:8" s="5" customFormat="1" ht="13.5" customHeight="1" x14ac:dyDescent="0.2">
      <c r="B240" s="56"/>
      <c r="C240" s="11" t="s">
        <v>1899</v>
      </c>
      <c r="D240" s="10" t="s">
        <v>126</v>
      </c>
      <c r="E240" s="53" t="s">
        <v>304</v>
      </c>
      <c r="F240" s="10" t="s">
        <v>305</v>
      </c>
      <c r="G240" s="54" t="s">
        <v>1243</v>
      </c>
      <c r="H240" s="55" t="s">
        <v>1378</v>
      </c>
    </row>
    <row r="241" spans="1:8" s="5" customFormat="1" ht="13.5" customHeight="1" x14ac:dyDescent="0.2">
      <c r="B241" s="56"/>
      <c r="C241" s="11" t="s">
        <v>306</v>
      </c>
      <c r="D241" s="10" t="s">
        <v>127</v>
      </c>
      <c r="E241" s="53" t="s">
        <v>1884</v>
      </c>
      <c r="F241" s="10" t="s">
        <v>1885</v>
      </c>
      <c r="G241" s="54" t="s">
        <v>1244</v>
      </c>
      <c r="H241" s="55" t="s">
        <v>1379</v>
      </c>
    </row>
    <row r="242" spans="1:8" s="5" customFormat="1" ht="13.5" customHeight="1" thickBot="1" x14ac:dyDescent="0.25">
      <c r="B242" s="57"/>
      <c r="C242" s="58" t="s">
        <v>307</v>
      </c>
      <c r="D242" s="13" t="s">
        <v>1951</v>
      </c>
      <c r="E242" s="59" t="s">
        <v>308</v>
      </c>
      <c r="F242" s="13" t="s">
        <v>309</v>
      </c>
      <c r="G242" s="60" t="s">
        <v>1245</v>
      </c>
      <c r="H242" s="61" t="s">
        <v>1380</v>
      </c>
    </row>
    <row r="243" spans="1:8" s="5" customFormat="1" x14ac:dyDescent="0.2">
      <c r="A243" s="9"/>
      <c r="B243" s="48" t="s">
        <v>514</v>
      </c>
      <c r="C243" s="14" t="s">
        <v>515</v>
      </c>
      <c r="D243" s="12" t="s">
        <v>221</v>
      </c>
      <c r="E243" s="49" t="s">
        <v>516</v>
      </c>
      <c r="F243" s="12" t="s">
        <v>517</v>
      </c>
      <c r="G243" s="50" t="s">
        <v>1626</v>
      </c>
      <c r="H243" s="51" t="s">
        <v>1627</v>
      </c>
    </row>
    <row r="244" spans="1:8" s="5" customFormat="1" x14ac:dyDescent="0.2">
      <c r="A244" s="9"/>
      <c r="B244" s="52" t="s">
        <v>372</v>
      </c>
      <c r="C244" s="11" t="s">
        <v>518</v>
      </c>
      <c r="D244" s="10" t="s">
        <v>222</v>
      </c>
      <c r="E244" s="53" t="s">
        <v>223</v>
      </c>
      <c r="F244" s="10" t="s">
        <v>519</v>
      </c>
      <c r="G244" s="54" t="s">
        <v>1628</v>
      </c>
      <c r="H244" s="55" t="s">
        <v>1629</v>
      </c>
    </row>
    <row r="245" spans="1:8" s="5" customFormat="1" x14ac:dyDescent="0.2">
      <c r="B245" s="56"/>
      <c r="C245" s="11" t="s">
        <v>520</v>
      </c>
      <c r="D245" s="10" t="s">
        <v>224</v>
      </c>
      <c r="E245" s="53" t="s">
        <v>521</v>
      </c>
      <c r="F245" s="10" t="s">
        <v>522</v>
      </c>
      <c r="G245" s="54" t="s">
        <v>1630</v>
      </c>
      <c r="H245" s="55" t="s">
        <v>1631</v>
      </c>
    </row>
    <row r="246" spans="1:8" s="5" customFormat="1" x14ac:dyDescent="0.2">
      <c r="B246" s="56"/>
      <c r="C246" s="11" t="s">
        <v>523</v>
      </c>
      <c r="D246" s="10" t="s">
        <v>225</v>
      </c>
      <c r="E246" s="53" t="s">
        <v>524</v>
      </c>
      <c r="F246" s="10" t="s">
        <v>525</v>
      </c>
      <c r="G246" s="54" t="s">
        <v>1632</v>
      </c>
      <c r="H246" s="55" t="s">
        <v>1633</v>
      </c>
    </row>
    <row r="247" spans="1:8" s="5" customFormat="1" x14ac:dyDescent="0.2">
      <c r="B247" s="56"/>
      <c r="C247" s="11" t="s">
        <v>526</v>
      </c>
      <c r="D247" s="10" t="s">
        <v>226</v>
      </c>
      <c r="E247" s="53" t="s">
        <v>527</v>
      </c>
      <c r="F247" s="10" t="s">
        <v>528</v>
      </c>
      <c r="G247" s="54" t="s">
        <v>1634</v>
      </c>
      <c r="H247" s="55" t="s">
        <v>1635</v>
      </c>
    </row>
    <row r="248" spans="1:8" s="5" customFormat="1" x14ac:dyDescent="0.2">
      <c r="B248" s="56"/>
      <c r="C248" s="11" t="s">
        <v>529</v>
      </c>
      <c r="D248" s="10" t="s">
        <v>227</v>
      </c>
      <c r="E248" s="53" t="s">
        <v>530</v>
      </c>
      <c r="F248" s="10" t="s">
        <v>531</v>
      </c>
      <c r="G248" s="54" t="s">
        <v>1636</v>
      </c>
      <c r="H248" s="55" t="s">
        <v>1637</v>
      </c>
    </row>
    <row r="249" spans="1:8" s="5" customFormat="1" x14ac:dyDescent="0.2">
      <c r="B249" s="56"/>
      <c r="C249" s="11" t="s">
        <v>532</v>
      </c>
      <c r="D249" s="10" t="s">
        <v>228</v>
      </c>
      <c r="E249" s="53" t="s">
        <v>533</v>
      </c>
      <c r="F249" s="10" t="s">
        <v>534</v>
      </c>
      <c r="G249" s="54" t="s">
        <v>1638</v>
      </c>
      <c r="H249" s="55" t="s">
        <v>1639</v>
      </c>
    </row>
    <row r="250" spans="1:8" s="5" customFormat="1" x14ac:dyDescent="0.2">
      <c r="B250" s="56"/>
      <c r="C250" s="11" t="s">
        <v>535</v>
      </c>
      <c r="D250" s="10" t="s">
        <v>229</v>
      </c>
      <c r="E250" s="53" t="s">
        <v>527</v>
      </c>
      <c r="F250" s="10" t="s">
        <v>536</v>
      </c>
      <c r="G250" s="54" t="s">
        <v>1640</v>
      </c>
      <c r="H250" s="55" t="s">
        <v>1641</v>
      </c>
    </row>
    <row r="251" spans="1:8" s="5" customFormat="1" x14ac:dyDescent="0.2">
      <c r="B251" s="56"/>
      <c r="C251" s="11" t="s">
        <v>537</v>
      </c>
      <c r="D251" s="10" t="s">
        <v>230</v>
      </c>
      <c r="E251" s="53" t="s">
        <v>538</v>
      </c>
      <c r="F251" s="10" t="s">
        <v>539</v>
      </c>
      <c r="G251" s="54" t="s">
        <v>1642</v>
      </c>
      <c r="H251" s="55" t="s">
        <v>1643</v>
      </c>
    </row>
    <row r="252" spans="1:8" s="5" customFormat="1" ht="13.5" thickBot="1" x14ac:dyDescent="0.25">
      <c r="B252" s="57"/>
      <c r="C252" s="58" t="s">
        <v>540</v>
      </c>
      <c r="D252" s="13" t="s">
        <v>231</v>
      </c>
      <c r="E252" s="59" t="s">
        <v>541</v>
      </c>
      <c r="F252" s="13" t="s">
        <v>542</v>
      </c>
      <c r="G252" s="60" t="s">
        <v>1644</v>
      </c>
      <c r="H252" s="61" t="s">
        <v>1645</v>
      </c>
    </row>
    <row r="253" spans="1:8" s="5" customFormat="1" ht="13.5" customHeight="1" x14ac:dyDescent="0.2">
      <c r="A253" s="9"/>
      <c r="B253" s="19" t="s">
        <v>310</v>
      </c>
      <c r="C253" s="62" t="s">
        <v>311</v>
      </c>
      <c r="D253" s="12" t="s">
        <v>128</v>
      </c>
      <c r="E253" s="49" t="s">
        <v>312</v>
      </c>
      <c r="F253" s="12" t="s">
        <v>313</v>
      </c>
      <c r="G253" s="50" t="s">
        <v>1246</v>
      </c>
      <c r="H253" s="51" t="s">
        <v>1381</v>
      </c>
    </row>
    <row r="254" spans="1:8" s="5" customFormat="1" ht="13.5" customHeight="1" x14ac:dyDescent="0.2">
      <c r="A254" s="9"/>
      <c r="B254" s="52" t="s">
        <v>777</v>
      </c>
      <c r="C254" s="11" t="s">
        <v>129</v>
      </c>
      <c r="D254" s="10" t="s">
        <v>130</v>
      </c>
      <c r="E254" s="53" t="s">
        <v>314</v>
      </c>
      <c r="F254" s="10" t="s">
        <v>131</v>
      </c>
      <c r="G254" s="54" t="s">
        <v>1247</v>
      </c>
      <c r="H254" s="55" t="s">
        <v>1382</v>
      </c>
    </row>
    <row r="255" spans="1:8" s="5" customFormat="1" ht="13.5" customHeight="1" x14ac:dyDescent="0.2">
      <c r="B255" s="56"/>
      <c r="C255" s="11" t="s">
        <v>315</v>
      </c>
      <c r="D255" s="10" t="s">
        <v>132</v>
      </c>
      <c r="E255" s="53" t="s">
        <v>133</v>
      </c>
      <c r="F255" s="10" t="s">
        <v>134</v>
      </c>
      <c r="G255" s="54" t="s">
        <v>1248</v>
      </c>
      <c r="H255" s="55" t="s">
        <v>1383</v>
      </c>
    </row>
    <row r="256" spans="1:8" s="5" customFormat="1" ht="13.5" customHeight="1" x14ac:dyDescent="0.2">
      <c r="B256" s="56"/>
      <c r="C256" s="11" t="s">
        <v>316</v>
      </c>
      <c r="D256" s="10" t="s">
        <v>135</v>
      </c>
      <c r="E256" s="53" t="s">
        <v>317</v>
      </c>
      <c r="F256" s="10" t="s">
        <v>318</v>
      </c>
      <c r="G256" s="54" t="s">
        <v>1249</v>
      </c>
      <c r="H256" s="55" t="s">
        <v>1384</v>
      </c>
    </row>
    <row r="257" spans="1:8" s="5" customFormat="1" ht="13.5" customHeight="1" x14ac:dyDescent="0.2">
      <c r="B257" s="56"/>
      <c r="C257" s="11" t="s">
        <v>319</v>
      </c>
      <c r="D257" s="10" t="s">
        <v>136</v>
      </c>
      <c r="E257" s="53" t="s">
        <v>320</v>
      </c>
      <c r="F257" s="10" t="s">
        <v>321</v>
      </c>
      <c r="G257" s="54" t="s">
        <v>1250</v>
      </c>
      <c r="H257" s="55" t="s">
        <v>1385</v>
      </c>
    </row>
    <row r="258" spans="1:8" s="5" customFormat="1" ht="13.5" customHeight="1" x14ac:dyDescent="0.2">
      <c r="B258" s="56"/>
      <c r="C258" s="11" t="s">
        <v>322</v>
      </c>
      <c r="D258" s="10" t="s">
        <v>137</v>
      </c>
      <c r="E258" s="53" t="s">
        <v>323</v>
      </c>
      <c r="F258" s="10" t="s">
        <v>324</v>
      </c>
      <c r="G258" s="54" t="s">
        <v>1251</v>
      </c>
      <c r="H258" s="55" t="s">
        <v>1386</v>
      </c>
    </row>
    <row r="259" spans="1:8" s="5" customFormat="1" ht="13.5" customHeight="1" x14ac:dyDescent="0.2">
      <c r="B259" s="56"/>
      <c r="C259" s="11" t="s">
        <v>325</v>
      </c>
      <c r="D259" s="10" t="s">
        <v>138</v>
      </c>
      <c r="E259" s="53" t="s">
        <v>326</v>
      </c>
      <c r="F259" s="10" t="s">
        <v>139</v>
      </c>
      <c r="G259" s="54" t="s">
        <v>1252</v>
      </c>
      <c r="H259" s="55" t="s">
        <v>1387</v>
      </c>
    </row>
    <row r="260" spans="1:8" s="5" customFormat="1" ht="13.5" customHeight="1" x14ac:dyDescent="0.2">
      <c r="B260" s="56"/>
      <c r="C260" s="11" t="s">
        <v>327</v>
      </c>
      <c r="D260" s="10" t="s">
        <v>140</v>
      </c>
      <c r="E260" s="53" t="s">
        <v>328</v>
      </c>
      <c r="F260" s="10" t="s">
        <v>141</v>
      </c>
      <c r="G260" s="54" t="s">
        <v>1253</v>
      </c>
      <c r="H260" s="55" t="s">
        <v>1388</v>
      </c>
    </row>
    <row r="261" spans="1:8" s="5" customFormat="1" ht="13.5" customHeight="1" x14ac:dyDescent="0.2">
      <c r="B261" s="56"/>
      <c r="C261" s="11" t="s">
        <v>142</v>
      </c>
      <c r="D261" s="10" t="s">
        <v>143</v>
      </c>
      <c r="E261" s="53" t="s">
        <v>329</v>
      </c>
      <c r="F261" s="10" t="s">
        <v>144</v>
      </c>
      <c r="G261" s="54" t="s">
        <v>1254</v>
      </c>
      <c r="H261" s="55" t="s">
        <v>1389</v>
      </c>
    </row>
    <row r="262" spans="1:8" s="5" customFormat="1" ht="13.5" customHeight="1" x14ac:dyDescent="0.2">
      <c r="B262" s="56"/>
      <c r="C262" s="11" t="s">
        <v>330</v>
      </c>
      <c r="D262" s="10" t="s">
        <v>145</v>
      </c>
      <c r="E262" s="53" t="s">
        <v>331</v>
      </c>
      <c r="F262" s="10" t="s">
        <v>1952</v>
      </c>
      <c r="G262" s="54" t="s">
        <v>1255</v>
      </c>
      <c r="H262" s="55" t="s">
        <v>1390</v>
      </c>
    </row>
    <row r="263" spans="1:8" s="5" customFormat="1" ht="13.5" customHeight="1" x14ac:dyDescent="0.2">
      <c r="B263" s="56"/>
      <c r="C263" s="11" t="s">
        <v>332</v>
      </c>
      <c r="D263" s="10" t="s">
        <v>146</v>
      </c>
      <c r="E263" s="53" t="s">
        <v>147</v>
      </c>
      <c r="F263" s="10" t="s">
        <v>333</v>
      </c>
      <c r="G263" s="54" t="s">
        <v>1256</v>
      </c>
      <c r="H263" s="55" t="s">
        <v>1391</v>
      </c>
    </row>
    <row r="264" spans="1:8" s="5" customFormat="1" ht="13.5" customHeight="1" x14ac:dyDescent="0.2">
      <c r="B264" s="56"/>
      <c r="C264" s="11" t="s">
        <v>334</v>
      </c>
      <c r="D264" s="10" t="s">
        <v>29</v>
      </c>
      <c r="E264" s="53" t="s">
        <v>323</v>
      </c>
      <c r="F264" s="10" t="s">
        <v>335</v>
      </c>
      <c r="G264" s="54" t="s">
        <v>1257</v>
      </c>
      <c r="H264" s="55" t="s">
        <v>1392</v>
      </c>
    </row>
    <row r="265" spans="1:8" s="5" customFormat="1" ht="13.5" customHeight="1" thickBot="1" x14ac:dyDescent="0.25">
      <c r="B265" s="57"/>
      <c r="C265" s="58" t="s">
        <v>336</v>
      </c>
      <c r="D265" s="13" t="s">
        <v>148</v>
      </c>
      <c r="E265" s="59" t="s">
        <v>337</v>
      </c>
      <c r="F265" s="13" t="s">
        <v>338</v>
      </c>
      <c r="G265" s="60" t="s">
        <v>1258</v>
      </c>
      <c r="H265" s="61" t="s">
        <v>1393</v>
      </c>
    </row>
    <row r="266" spans="1:8" s="5" customFormat="1" ht="13.5" customHeight="1" x14ac:dyDescent="0.2">
      <c r="A266" s="9"/>
      <c r="B266" s="52" t="s">
        <v>339</v>
      </c>
      <c r="C266" s="14" t="s">
        <v>340</v>
      </c>
      <c r="D266" s="12" t="s">
        <v>149</v>
      </c>
      <c r="E266" s="49" t="s">
        <v>350</v>
      </c>
      <c r="F266" s="12" t="s">
        <v>341</v>
      </c>
      <c r="G266" s="50" t="s">
        <v>1259</v>
      </c>
      <c r="H266" s="51" t="s">
        <v>1394</v>
      </c>
    </row>
    <row r="267" spans="1:8" s="5" customFormat="1" ht="13.5" customHeight="1" x14ac:dyDescent="0.2">
      <c r="A267" s="9"/>
      <c r="B267" s="52" t="s">
        <v>342</v>
      </c>
      <c r="C267" s="11" t="s">
        <v>343</v>
      </c>
      <c r="D267" s="10" t="s">
        <v>150</v>
      </c>
      <c r="E267" s="53" t="s">
        <v>351</v>
      </c>
      <c r="F267" s="10" t="s">
        <v>344</v>
      </c>
      <c r="G267" s="54" t="s">
        <v>1260</v>
      </c>
      <c r="H267" s="55" t="s">
        <v>1395</v>
      </c>
    </row>
    <row r="268" spans="1:8" s="5" customFormat="1" ht="13.5" customHeight="1" x14ac:dyDescent="0.2">
      <c r="B268" s="56"/>
      <c r="C268" s="11" t="s">
        <v>345</v>
      </c>
      <c r="D268" s="10" t="s">
        <v>151</v>
      </c>
      <c r="E268" s="53" t="s">
        <v>352</v>
      </c>
      <c r="F268" s="10" t="s">
        <v>346</v>
      </c>
      <c r="G268" s="54" t="s">
        <v>1261</v>
      </c>
      <c r="H268" s="55" t="s">
        <v>1396</v>
      </c>
    </row>
    <row r="269" spans="1:8" s="5" customFormat="1" ht="13.5" customHeight="1" x14ac:dyDescent="0.2">
      <c r="B269" s="56"/>
      <c r="C269" s="11" t="s">
        <v>347</v>
      </c>
      <c r="D269" s="10" t="s">
        <v>152</v>
      </c>
      <c r="E269" s="53" t="s">
        <v>353</v>
      </c>
      <c r="F269" s="10" t="s">
        <v>348</v>
      </c>
      <c r="G269" s="54" t="s">
        <v>1262</v>
      </c>
      <c r="H269" s="55" t="s">
        <v>1397</v>
      </c>
    </row>
    <row r="270" spans="1:8" s="5" customFormat="1" ht="13.5" customHeight="1" x14ac:dyDescent="0.2">
      <c r="B270" s="56"/>
      <c r="C270" s="11" t="s">
        <v>349</v>
      </c>
      <c r="D270" s="10" t="s">
        <v>153</v>
      </c>
      <c r="E270" s="53" t="s">
        <v>354</v>
      </c>
      <c r="F270" s="10" t="s">
        <v>154</v>
      </c>
      <c r="G270" s="54" t="s">
        <v>1263</v>
      </c>
      <c r="H270" s="55" t="s">
        <v>1398</v>
      </c>
    </row>
    <row r="271" spans="1:8" s="5" customFormat="1" ht="13.5" customHeight="1" x14ac:dyDescent="0.2">
      <c r="B271" s="56"/>
      <c r="C271" s="11" t="s">
        <v>359</v>
      </c>
      <c r="D271" s="10" t="s">
        <v>155</v>
      </c>
      <c r="E271" s="53" t="s">
        <v>355</v>
      </c>
      <c r="F271" s="10" t="s">
        <v>360</v>
      </c>
      <c r="G271" s="54" t="s">
        <v>1264</v>
      </c>
      <c r="H271" s="55" t="s">
        <v>1399</v>
      </c>
    </row>
    <row r="272" spans="1:8" s="5" customFormat="1" x14ac:dyDescent="0.2">
      <c r="B272" s="56"/>
      <c r="C272" s="11" t="s">
        <v>361</v>
      </c>
      <c r="D272" s="10" t="s">
        <v>156</v>
      </c>
      <c r="E272" s="53" t="s">
        <v>356</v>
      </c>
      <c r="F272" s="10" t="s">
        <v>362</v>
      </c>
      <c r="G272" s="54" t="s">
        <v>1265</v>
      </c>
      <c r="H272" s="55" t="s">
        <v>1400</v>
      </c>
    </row>
    <row r="273" spans="1:8" s="5" customFormat="1" x14ac:dyDescent="0.2">
      <c r="B273" s="56"/>
      <c r="C273" s="11" t="s">
        <v>363</v>
      </c>
      <c r="D273" s="10" t="s">
        <v>157</v>
      </c>
      <c r="E273" s="53" t="s">
        <v>357</v>
      </c>
      <c r="F273" s="10" t="s">
        <v>364</v>
      </c>
      <c r="G273" s="54" t="s">
        <v>1266</v>
      </c>
      <c r="H273" s="55" t="s">
        <v>1401</v>
      </c>
    </row>
    <row r="274" spans="1:8" s="5" customFormat="1" x14ac:dyDescent="0.2">
      <c r="B274" s="56"/>
      <c r="C274" s="11" t="s">
        <v>365</v>
      </c>
      <c r="D274" s="10" t="s">
        <v>158</v>
      </c>
      <c r="E274" s="53" t="s">
        <v>1893</v>
      </c>
      <c r="F274" s="10" t="s">
        <v>1894</v>
      </c>
      <c r="G274" s="54" t="s">
        <v>1267</v>
      </c>
      <c r="H274" s="55" t="s">
        <v>1402</v>
      </c>
    </row>
    <row r="275" spans="1:8" s="5" customFormat="1" x14ac:dyDescent="0.2">
      <c r="B275" s="56"/>
      <c r="C275" s="11" t="s">
        <v>366</v>
      </c>
      <c r="D275" s="10" t="s">
        <v>76</v>
      </c>
      <c r="E275" s="53" t="s">
        <v>354</v>
      </c>
      <c r="F275" s="10" t="s">
        <v>159</v>
      </c>
      <c r="G275" s="54" t="s">
        <v>1268</v>
      </c>
      <c r="H275" s="55" t="s">
        <v>1403</v>
      </c>
    </row>
    <row r="276" spans="1:8" s="5" customFormat="1" ht="13.5" thickBot="1" x14ac:dyDescent="0.25">
      <c r="B276" s="57"/>
      <c r="C276" s="58" t="s">
        <v>367</v>
      </c>
      <c r="D276" s="13" t="s">
        <v>160</v>
      </c>
      <c r="E276" s="59" t="s">
        <v>358</v>
      </c>
      <c r="F276" s="13" t="s">
        <v>368</v>
      </c>
      <c r="G276" s="60" t="s">
        <v>1269</v>
      </c>
      <c r="H276" s="61" t="s">
        <v>1404</v>
      </c>
    </row>
    <row r="277" spans="1:8" s="5" customFormat="1" x14ac:dyDescent="0.2">
      <c r="A277" s="9"/>
      <c r="B277" s="95" t="s">
        <v>1959</v>
      </c>
      <c r="C277" s="11" t="s">
        <v>544</v>
      </c>
      <c r="D277" s="10" t="s">
        <v>236</v>
      </c>
      <c r="E277" s="53" t="s">
        <v>545</v>
      </c>
      <c r="F277" s="10" t="s">
        <v>546</v>
      </c>
      <c r="G277" s="54" t="s">
        <v>1657</v>
      </c>
      <c r="H277" s="55" t="s">
        <v>1658</v>
      </c>
    </row>
    <row r="278" spans="1:8" s="5" customFormat="1" x14ac:dyDescent="0.2">
      <c r="B278" s="56" t="s">
        <v>1960</v>
      </c>
      <c r="C278" s="11" t="s">
        <v>547</v>
      </c>
      <c r="D278" s="10" t="s">
        <v>237</v>
      </c>
      <c r="E278" s="53" t="s">
        <v>548</v>
      </c>
      <c r="F278" s="10" t="s">
        <v>549</v>
      </c>
      <c r="G278" s="54" t="s">
        <v>1659</v>
      </c>
      <c r="H278" s="55" t="s">
        <v>1660</v>
      </c>
    </row>
    <row r="279" spans="1:8" s="5" customFormat="1" x14ac:dyDescent="0.2">
      <c r="B279" s="56"/>
      <c r="C279" s="11" t="s">
        <v>550</v>
      </c>
      <c r="D279" s="10" t="s">
        <v>238</v>
      </c>
      <c r="E279" s="53" t="s">
        <v>551</v>
      </c>
      <c r="F279" s="10" t="s">
        <v>552</v>
      </c>
      <c r="G279" s="54" t="s">
        <v>1661</v>
      </c>
      <c r="H279" s="55" t="s">
        <v>1662</v>
      </c>
    </row>
    <row r="280" spans="1:8" s="5" customFormat="1" x14ac:dyDescent="0.2">
      <c r="B280" s="56"/>
      <c r="C280" s="11" t="s">
        <v>553</v>
      </c>
      <c r="D280" s="10" t="s">
        <v>239</v>
      </c>
      <c r="E280" s="53" t="s">
        <v>554</v>
      </c>
      <c r="F280" s="10" t="s">
        <v>555</v>
      </c>
      <c r="G280" s="54" t="s">
        <v>1663</v>
      </c>
      <c r="H280" s="55" t="s">
        <v>1664</v>
      </c>
    </row>
    <row r="281" spans="1:8" s="5" customFormat="1" ht="13.5" thickBot="1" x14ac:dyDescent="0.25">
      <c r="B281" s="57"/>
      <c r="C281" s="58" t="s">
        <v>556</v>
      </c>
      <c r="D281" s="13" t="s">
        <v>240</v>
      </c>
      <c r="E281" s="59" t="s">
        <v>557</v>
      </c>
      <c r="F281" s="13" t="s">
        <v>558</v>
      </c>
      <c r="G281" s="60" t="s">
        <v>1665</v>
      </c>
      <c r="H281" s="61" t="s">
        <v>1666</v>
      </c>
    </row>
    <row r="282" spans="1:8" s="5" customFormat="1" x14ac:dyDescent="0.2">
      <c r="A282" s="9"/>
      <c r="B282" s="52" t="s">
        <v>369</v>
      </c>
      <c r="C282" s="14" t="s">
        <v>370</v>
      </c>
      <c r="D282" s="12" t="s">
        <v>161</v>
      </c>
      <c r="E282" s="49" t="s">
        <v>162</v>
      </c>
      <c r="F282" s="12" t="s">
        <v>371</v>
      </c>
      <c r="G282" s="50" t="s">
        <v>1454</v>
      </c>
      <c r="H282" s="51" t="s">
        <v>1455</v>
      </c>
    </row>
    <row r="283" spans="1:8" s="5" customFormat="1" x14ac:dyDescent="0.2">
      <c r="A283" s="9"/>
      <c r="B283" s="52" t="s">
        <v>372</v>
      </c>
      <c r="C283" s="11" t="s">
        <v>373</v>
      </c>
      <c r="D283" s="10" t="s">
        <v>163</v>
      </c>
      <c r="E283" s="53" t="s">
        <v>374</v>
      </c>
      <c r="F283" s="10" t="s">
        <v>375</v>
      </c>
      <c r="G283" s="54" t="s">
        <v>1456</v>
      </c>
      <c r="H283" s="55" t="s">
        <v>1457</v>
      </c>
    </row>
    <row r="284" spans="1:8" s="5" customFormat="1" x14ac:dyDescent="0.2">
      <c r="B284" s="56"/>
      <c r="C284" s="11" t="s">
        <v>376</v>
      </c>
      <c r="D284" s="10" t="s">
        <v>164</v>
      </c>
      <c r="E284" s="53" t="s">
        <v>377</v>
      </c>
      <c r="F284" s="10" t="s">
        <v>378</v>
      </c>
      <c r="G284" s="54" t="s">
        <v>1458</v>
      </c>
      <c r="H284" s="55" t="s">
        <v>1459</v>
      </c>
    </row>
    <row r="285" spans="1:8" s="5" customFormat="1" x14ac:dyDescent="0.2">
      <c r="B285" s="56"/>
      <c r="C285" s="11" t="s">
        <v>379</v>
      </c>
      <c r="D285" s="10" t="s">
        <v>165</v>
      </c>
      <c r="E285" s="53" t="s">
        <v>380</v>
      </c>
      <c r="F285" s="10" t="s">
        <v>381</v>
      </c>
      <c r="G285" s="54" t="s">
        <v>1460</v>
      </c>
      <c r="H285" s="55" t="s">
        <v>1461</v>
      </c>
    </row>
    <row r="286" spans="1:8" s="5" customFormat="1" x14ac:dyDescent="0.2">
      <c r="B286" s="56"/>
      <c r="C286" s="11" t="s">
        <v>382</v>
      </c>
      <c r="D286" s="10" t="s">
        <v>166</v>
      </c>
      <c r="E286" s="53" t="s">
        <v>383</v>
      </c>
      <c r="F286" s="10" t="s">
        <v>384</v>
      </c>
      <c r="G286" s="54" t="s">
        <v>1462</v>
      </c>
      <c r="H286" s="55" t="s">
        <v>1463</v>
      </c>
    </row>
    <row r="287" spans="1:8" s="5" customFormat="1" x14ac:dyDescent="0.2">
      <c r="B287" s="56"/>
      <c r="C287" s="11" t="s">
        <v>385</v>
      </c>
      <c r="D287" s="10" t="s">
        <v>167</v>
      </c>
      <c r="E287" s="53" t="s">
        <v>386</v>
      </c>
      <c r="F287" s="10" t="s">
        <v>387</v>
      </c>
      <c r="G287" s="54" t="s">
        <v>1464</v>
      </c>
      <c r="H287" s="55" t="s">
        <v>1465</v>
      </c>
    </row>
    <row r="288" spans="1:8" s="5" customFormat="1" x14ac:dyDescent="0.2">
      <c r="B288" s="56"/>
      <c r="C288" s="11" t="s">
        <v>388</v>
      </c>
      <c r="D288" s="10" t="s">
        <v>168</v>
      </c>
      <c r="E288" s="53" t="s">
        <v>169</v>
      </c>
      <c r="F288" s="10" t="s">
        <v>389</v>
      </c>
      <c r="G288" s="54" t="s">
        <v>1466</v>
      </c>
      <c r="H288" s="55" t="s">
        <v>1467</v>
      </c>
    </row>
    <row r="289" spans="2:8" s="5" customFormat="1" x14ac:dyDescent="0.2">
      <c r="B289" s="56"/>
      <c r="C289" s="11" t="s">
        <v>390</v>
      </c>
      <c r="D289" s="10" t="s">
        <v>170</v>
      </c>
      <c r="E289" s="53" t="s">
        <v>171</v>
      </c>
      <c r="F289" s="10" t="s">
        <v>391</v>
      </c>
      <c r="G289" s="54" t="s">
        <v>1468</v>
      </c>
      <c r="H289" s="55" t="s">
        <v>1469</v>
      </c>
    </row>
    <row r="290" spans="2:8" s="5" customFormat="1" x14ac:dyDescent="0.2">
      <c r="B290" s="56"/>
      <c r="C290" s="11" t="s">
        <v>392</v>
      </c>
      <c r="D290" s="10" t="s">
        <v>172</v>
      </c>
      <c r="E290" s="53" t="s">
        <v>393</v>
      </c>
      <c r="F290" s="10" t="s">
        <v>394</v>
      </c>
      <c r="G290" s="54" t="s">
        <v>1470</v>
      </c>
      <c r="H290" s="55" t="s">
        <v>1471</v>
      </c>
    </row>
    <row r="291" spans="2:8" s="5" customFormat="1" ht="13.5" thickBot="1" x14ac:dyDescent="0.25">
      <c r="B291" s="57"/>
      <c r="C291" s="58" t="s">
        <v>395</v>
      </c>
      <c r="D291" s="13" t="s">
        <v>173</v>
      </c>
      <c r="E291" s="59" t="s">
        <v>396</v>
      </c>
      <c r="F291" s="13" t="s">
        <v>397</v>
      </c>
      <c r="G291" s="60" t="s">
        <v>1472</v>
      </c>
      <c r="H291" s="61" t="s">
        <v>1473</v>
      </c>
    </row>
    <row r="292" spans="2:8" s="5" customFormat="1" ht="14.25" customHeight="1" x14ac:dyDescent="0.2">
      <c r="B292" s="19" t="s">
        <v>694</v>
      </c>
      <c r="C292" s="62" t="s">
        <v>695</v>
      </c>
      <c r="D292" s="12" t="s">
        <v>77</v>
      </c>
      <c r="E292" s="49" t="s">
        <v>696</v>
      </c>
      <c r="F292" s="12" t="s">
        <v>1900</v>
      </c>
      <c r="G292" s="50" t="s">
        <v>1200</v>
      </c>
      <c r="H292" s="51" t="s">
        <v>1335</v>
      </c>
    </row>
    <row r="293" spans="2:8" s="5" customFormat="1" ht="14.25" customHeight="1" x14ac:dyDescent="0.2">
      <c r="B293" s="56" t="s">
        <v>697</v>
      </c>
      <c r="C293" s="11" t="s">
        <v>698</v>
      </c>
      <c r="D293" s="10" t="s">
        <v>78</v>
      </c>
      <c r="E293" s="53" t="s">
        <v>699</v>
      </c>
      <c r="F293" s="10" t="s">
        <v>1901</v>
      </c>
      <c r="G293" s="54" t="s">
        <v>1201</v>
      </c>
      <c r="H293" s="55" t="s">
        <v>1336</v>
      </c>
    </row>
    <row r="294" spans="2:8" s="5" customFormat="1" ht="14.25" customHeight="1" x14ac:dyDescent="0.2">
      <c r="B294" s="56"/>
      <c r="C294" s="11" t="s">
        <v>700</v>
      </c>
      <c r="D294" s="10" t="s">
        <v>79</v>
      </c>
      <c r="E294" s="53" t="s">
        <v>701</v>
      </c>
      <c r="F294" s="10" t="s">
        <v>1902</v>
      </c>
      <c r="G294" s="54" t="s">
        <v>1202</v>
      </c>
      <c r="H294" s="55" t="s">
        <v>1337</v>
      </c>
    </row>
    <row r="295" spans="2:8" s="5" customFormat="1" ht="14.25" customHeight="1" thickBot="1" x14ac:dyDescent="0.25">
      <c r="B295" s="57"/>
      <c r="C295" s="58" t="s">
        <v>702</v>
      </c>
      <c r="D295" s="13" t="s">
        <v>80</v>
      </c>
      <c r="E295" s="59" t="s">
        <v>703</v>
      </c>
      <c r="F295" s="13" t="s">
        <v>1903</v>
      </c>
      <c r="G295" s="60" t="s">
        <v>1203</v>
      </c>
      <c r="H295" s="61" t="s">
        <v>1338</v>
      </c>
    </row>
    <row r="296" spans="2:8" s="5" customFormat="1" ht="14.25" customHeight="1" x14ac:dyDescent="0.2">
      <c r="B296" s="19" t="s">
        <v>704</v>
      </c>
      <c r="C296" s="62" t="s">
        <v>705</v>
      </c>
      <c r="D296" s="12" t="s">
        <v>81</v>
      </c>
      <c r="E296" s="49" t="s">
        <v>706</v>
      </c>
      <c r="F296" s="12" t="s">
        <v>1904</v>
      </c>
      <c r="G296" s="50" t="s">
        <v>1449</v>
      </c>
      <c r="H296" s="77" t="s">
        <v>1946</v>
      </c>
    </row>
    <row r="297" spans="2:8" s="5" customFormat="1" ht="14.25" customHeight="1" x14ac:dyDescent="0.2">
      <c r="B297" s="56" t="s">
        <v>1108</v>
      </c>
      <c r="C297" s="11" t="s">
        <v>707</v>
      </c>
      <c r="D297" s="10" t="s">
        <v>82</v>
      </c>
      <c r="E297" s="53" t="s">
        <v>708</v>
      </c>
      <c r="F297" s="10" t="s">
        <v>1905</v>
      </c>
      <c r="G297" s="54" t="s">
        <v>1450</v>
      </c>
      <c r="H297" s="64" t="s">
        <v>1947</v>
      </c>
    </row>
    <row r="298" spans="2:8" s="5" customFormat="1" ht="14.25" customHeight="1" x14ac:dyDescent="0.2">
      <c r="B298" s="56"/>
      <c r="C298" s="11" t="s">
        <v>709</v>
      </c>
      <c r="D298" s="10" t="s">
        <v>83</v>
      </c>
      <c r="E298" s="53" t="s">
        <v>710</v>
      </c>
      <c r="F298" s="10" t="s">
        <v>1906</v>
      </c>
      <c r="G298" s="54" t="s">
        <v>1451</v>
      </c>
      <c r="H298" s="64" t="s">
        <v>1948</v>
      </c>
    </row>
    <row r="299" spans="2:8" s="5" customFormat="1" ht="14.25" customHeight="1" x14ac:dyDescent="0.2">
      <c r="B299" s="56"/>
      <c r="C299" s="11" t="s">
        <v>711</v>
      </c>
      <c r="D299" s="10" t="s">
        <v>84</v>
      </c>
      <c r="E299" s="53" t="s">
        <v>712</v>
      </c>
      <c r="F299" s="10" t="s">
        <v>1907</v>
      </c>
      <c r="G299" s="54" t="s">
        <v>1452</v>
      </c>
      <c r="H299" s="64" t="s">
        <v>1949</v>
      </c>
    </row>
    <row r="300" spans="2:8" s="5" customFormat="1" ht="14.25" customHeight="1" thickBot="1" x14ac:dyDescent="0.25">
      <c r="B300" s="57"/>
      <c r="C300" s="58" t="s">
        <v>713</v>
      </c>
      <c r="D300" s="13" t="s">
        <v>85</v>
      </c>
      <c r="E300" s="59" t="s">
        <v>708</v>
      </c>
      <c r="F300" s="13" t="s">
        <v>1908</v>
      </c>
      <c r="G300" s="60" t="s">
        <v>1453</v>
      </c>
      <c r="H300" s="65" t="s">
        <v>1950</v>
      </c>
    </row>
    <row r="301" spans="2:8" s="5" customFormat="1" x14ac:dyDescent="0.2">
      <c r="B301" s="19" t="s">
        <v>714</v>
      </c>
      <c r="C301" s="62" t="s">
        <v>715</v>
      </c>
      <c r="D301" s="12" t="s">
        <v>232</v>
      </c>
      <c r="E301" s="49" t="s">
        <v>716</v>
      </c>
      <c r="F301" s="12" t="s">
        <v>1909</v>
      </c>
      <c r="G301" s="50" t="s">
        <v>1646</v>
      </c>
      <c r="H301" s="51" t="s">
        <v>1647</v>
      </c>
    </row>
    <row r="302" spans="2:8" s="5" customFormat="1" x14ac:dyDescent="0.2">
      <c r="B302" s="56" t="s">
        <v>0</v>
      </c>
      <c r="C302" s="11" t="s">
        <v>717</v>
      </c>
      <c r="D302" s="10" t="s">
        <v>233</v>
      </c>
      <c r="E302" s="53" t="s">
        <v>718</v>
      </c>
      <c r="F302" s="10" t="s">
        <v>1910</v>
      </c>
      <c r="G302" s="54" t="s">
        <v>1648</v>
      </c>
      <c r="H302" s="55" t="s">
        <v>1649</v>
      </c>
    </row>
    <row r="303" spans="2:8" s="5" customFormat="1" ht="13.5" thickBot="1" x14ac:dyDescent="0.25">
      <c r="B303" s="57" t="s">
        <v>719</v>
      </c>
      <c r="C303" s="78" t="s">
        <v>604</v>
      </c>
      <c r="D303" s="13" t="s">
        <v>234</v>
      </c>
      <c r="E303" s="59" t="s">
        <v>235</v>
      </c>
      <c r="F303" s="13" t="s">
        <v>1911</v>
      </c>
      <c r="G303" s="74" t="s">
        <v>1650</v>
      </c>
      <c r="H303" s="65" t="s">
        <v>1650</v>
      </c>
    </row>
    <row r="304" spans="2:8" s="5" customFormat="1" x14ac:dyDescent="0.2">
      <c r="B304" s="56" t="s">
        <v>720</v>
      </c>
      <c r="C304" s="62" t="s">
        <v>721</v>
      </c>
      <c r="D304" s="12" t="s">
        <v>1809</v>
      </c>
      <c r="E304" s="49" t="s">
        <v>1810</v>
      </c>
      <c r="F304" s="12" t="s">
        <v>1912</v>
      </c>
      <c r="G304" s="50" t="s">
        <v>1651</v>
      </c>
      <c r="H304" s="77" t="s">
        <v>1652</v>
      </c>
    </row>
    <row r="305" spans="2:11" s="5" customFormat="1" x14ac:dyDescent="0.2">
      <c r="B305" s="56" t="s">
        <v>1</v>
      </c>
      <c r="C305" s="11" t="s">
        <v>722</v>
      </c>
      <c r="D305" s="10" t="s">
        <v>1811</v>
      </c>
      <c r="E305" s="53" t="s">
        <v>723</v>
      </c>
      <c r="F305" s="10" t="s">
        <v>1913</v>
      </c>
      <c r="G305" s="54" t="s">
        <v>1653</v>
      </c>
      <c r="H305" s="55" t="s">
        <v>1654</v>
      </c>
    </row>
    <row r="306" spans="2:11" s="5" customFormat="1" ht="13.5" thickBot="1" x14ac:dyDescent="0.25">
      <c r="B306" s="57"/>
      <c r="C306" s="58" t="s">
        <v>725</v>
      </c>
      <c r="D306" s="13" t="s">
        <v>1812</v>
      </c>
      <c r="E306" s="59" t="s">
        <v>726</v>
      </c>
      <c r="F306" s="13" t="s">
        <v>1914</v>
      </c>
      <c r="G306" s="60" t="s">
        <v>1655</v>
      </c>
      <c r="H306" s="61" t="s">
        <v>1656</v>
      </c>
    </row>
    <row r="307" spans="2:11" s="5" customFormat="1" x14ac:dyDescent="0.2">
      <c r="B307" s="19" t="s">
        <v>727</v>
      </c>
      <c r="C307" s="79" t="s">
        <v>730</v>
      </c>
      <c r="D307" s="14" t="s">
        <v>1924</v>
      </c>
      <c r="E307" s="80" t="s">
        <v>731</v>
      </c>
      <c r="F307" s="14" t="s">
        <v>1916</v>
      </c>
      <c r="G307" s="81" t="s">
        <v>1669</v>
      </c>
      <c r="H307" s="82" t="s">
        <v>1670</v>
      </c>
    </row>
    <row r="308" spans="2:11" s="5" customFormat="1" ht="13.5" thickBot="1" x14ac:dyDescent="0.25">
      <c r="B308" s="57" t="s">
        <v>776</v>
      </c>
      <c r="C308" s="58" t="s">
        <v>728</v>
      </c>
      <c r="D308" s="13" t="s">
        <v>1925</v>
      </c>
      <c r="E308" s="59" t="s">
        <v>729</v>
      </c>
      <c r="F308" s="13" t="s">
        <v>1915</v>
      </c>
      <c r="G308" s="60" t="s">
        <v>1667</v>
      </c>
      <c r="H308" s="61" t="s">
        <v>1668</v>
      </c>
    </row>
    <row r="309" spans="2:11" s="5" customFormat="1" x14ac:dyDescent="0.2">
      <c r="B309" s="19" t="s">
        <v>732</v>
      </c>
      <c r="C309" s="83" t="s">
        <v>733</v>
      </c>
      <c r="D309" s="15" t="s">
        <v>241</v>
      </c>
      <c r="E309" s="84" t="s">
        <v>734</v>
      </c>
      <c r="F309" s="15" t="s">
        <v>1917</v>
      </c>
      <c r="G309" s="85" t="s">
        <v>1671</v>
      </c>
      <c r="H309" s="76" t="s">
        <v>1672</v>
      </c>
    </row>
    <row r="310" spans="2:11" s="5" customFormat="1" x14ac:dyDescent="0.2">
      <c r="B310" s="56" t="s">
        <v>1</v>
      </c>
      <c r="C310" s="11" t="s">
        <v>735</v>
      </c>
      <c r="D310" s="10" t="s">
        <v>242</v>
      </c>
      <c r="E310" s="53" t="s">
        <v>736</v>
      </c>
      <c r="F310" s="10" t="s">
        <v>1918</v>
      </c>
      <c r="G310" s="54" t="s">
        <v>1673</v>
      </c>
      <c r="H310" s="55" t="s">
        <v>1674</v>
      </c>
    </row>
    <row r="311" spans="2:11" s="5" customFormat="1" ht="13.5" thickBot="1" x14ac:dyDescent="0.25">
      <c r="B311" s="57"/>
      <c r="C311" s="58" t="s">
        <v>737</v>
      </c>
      <c r="D311" s="13" t="s">
        <v>243</v>
      </c>
      <c r="E311" s="59" t="s">
        <v>738</v>
      </c>
      <c r="F311" s="13" t="s">
        <v>1919</v>
      </c>
      <c r="G311" s="60" t="s">
        <v>1675</v>
      </c>
      <c r="H311" s="61" t="s">
        <v>1676</v>
      </c>
      <c r="K311" s="96"/>
    </row>
    <row r="312" spans="2:11" s="5" customFormat="1" x14ac:dyDescent="0.2">
      <c r="B312" s="19" t="s">
        <v>739</v>
      </c>
      <c r="C312" s="79" t="s">
        <v>740</v>
      </c>
      <c r="D312" s="14" t="s">
        <v>244</v>
      </c>
      <c r="E312" s="80" t="s">
        <v>741</v>
      </c>
      <c r="F312" s="14" t="s">
        <v>1945</v>
      </c>
      <c r="G312" s="81" t="s">
        <v>1677</v>
      </c>
      <c r="H312" s="77" t="s">
        <v>1678</v>
      </c>
    </row>
    <row r="313" spans="2:11" s="5" customFormat="1" ht="13.5" thickBot="1" x14ac:dyDescent="0.25">
      <c r="B313" s="57" t="s">
        <v>776</v>
      </c>
      <c r="C313" s="58" t="s">
        <v>742</v>
      </c>
      <c r="D313" s="13" t="s">
        <v>245</v>
      </c>
      <c r="E313" s="59" t="s">
        <v>743</v>
      </c>
      <c r="F313" s="13" t="s">
        <v>1920</v>
      </c>
      <c r="G313" s="60" t="s">
        <v>1679</v>
      </c>
      <c r="H313" s="86" t="s">
        <v>1680</v>
      </c>
    </row>
    <row r="314" spans="2:11" s="5" customFormat="1" ht="13.5" thickBot="1" x14ac:dyDescent="0.25">
      <c r="B314" s="20" t="s">
        <v>1941</v>
      </c>
      <c r="C314" s="87" t="s">
        <v>744</v>
      </c>
      <c r="D314" s="18" t="s">
        <v>1813</v>
      </c>
      <c r="E314" s="88" t="s">
        <v>745</v>
      </c>
      <c r="F314" s="18" t="s">
        <v>1921</v>
      </c>
      <c r="G314" s="89" t="s">
        <v>1681</v>
      </c>
      <c r="H314" s="90" t="s">
        <v>1682</v>
      </c>
    </row>
    <row r="315" spans="2:11" s="5" customFormat="1" x14ac:dyDescent="0.2">
      <c r="B315" s="52" t="s">
        <v>746</v>
      </c>
      <c r="C315" s="68" t="s">
        <v>747</v>
      </c>
      <c r="D315" s="17" t="s">
        <v>1814</v>
      </c>
      <c r="E315" s="70" t="s">
        <v>748</v>
      </c>
      <c r="F315" s="17" t="s">
        <v>1922</v>
      </c>
      <c r="G315" s="70" t="s">
        <v>1683</v>
      </c>
      <c r="H315" s="91" t="s">
        <v>1684</v>
      </c>
    </row>
    <row r="316" spans="2:11" s="5" customFormat="1" ht="13.5" thickBot="1" x14ac:dyDescent="0.25">
      <c r="B316" s="57" t="s">
        <v>776</v>
      </c>
      <c r="C316" s="58" t="s">
        <v>724</v>
      </c>
      <c r="D316" s="13" t="s">
        <v>1815</v>
      </c>
      <c r="E316" s="59" t="s">
        <v>1886</v>
      </c>
      <c r="F316" s="13" t="s">
        <v>1923</v>
      </c>
      <c r="G316" s="60" t="s">
        <v>1685</v>
      </c>
      <c r="H316" s="61" t="s">
        <v>1686</v>
      </c>
    </row>
    <row r="317" spans="2:11" s="5" customFormat="1" x14ac:dyDescent="0.2">
      <c r="B317" s="56" t="s">
        <v>749</v>
      </c>
      <c r="C317" s="62" t="s">
        <v>750</v>
      </c>
      <c r="D317" s="12" t="s">
        <v>1842</v>
      </c>
      <c r="E317" s="49" t="s">
        <v>751</v>
      </c>
      <c r="F317" s="12" t="s">
        <v>1926</v>
      </c>
      <c r="G317" s="50" t="s">
        <v>1843</v>
      </c>
      <c r="H317" s="51" t="s">
        <v>1844</v>
      </c>
    </row>
    <row r="318" spans="2:11" s="5" customFormat="1" x14ac:dyDescent="0.2">
      <c r="B318" s="56" t="s">
        <v>1</v>
      </c>
      <c r="C318" s="11" t="s">
        <v>752</v>
      </c>
      <c r="D318" s="10" t="s">
        <v>1845</v>
      </c>
      <c r="E318" s="53" t="s">
        <v>1846</v>
      </c>
      <c r="F318" s="10" t="s">
        <v>1927</v>
      </c>
      <c r="G318" s="54" t="s">
        <v>1847</v>
      </c>
      <c r="H318" s="55" t="s">
        <v>1848</v>
      </c>
    </row>
    <row r="319" spans="2:11" s="5" customFormat="1" ht="13.5" thickBot="1" x14ac:dyDescent="0.25">
      <c r="B319" s="57"/>
      <c r="C319" s="58" t="s">
        <v>753</v>
      </c>
      <c r="D319" s="13" t="s">
        <v>1849</v>
      </c>
      <c r="E319" s="59" t="s">
        <v>1850</v>
      </c>
      <c r="F319" s="13" t="s">
        <v>1928</v>
      </c>
      <c r="G319" s="60" t="s">
        <v>1851</v>
      </c>
      <c r="H319" s="61" t="s">
        <v>1852</v>
      </c>
    </row>
    <row r="320" spans="2:11" s="5" customFormat="1" ht="13.5" thickBot="1" x14ac:dyDescent="0.25">
      <c r="B320" s="20" t="s">
        <v>1140</v>
      </c>
      <c r="C320" s="92" t="s">
        <v>754</v>
      </c>
      <c r="D320" s="18" t="s">
        <v>246</v>
      </c>
      <c r="E320" s="88" t="s">
        <v>755</v>
      </c>
      <c r="F320" s="18" t="s">
        <v>1929</v>
      </c>
      <c r="G320" s="89" t="s">
        <v>1737</v>
      </c>
      <c r="H320" s="90" t="s">
        <v>1738</v>
      </c>
    </row>
    <row r="321" spans="2:8" s="5" customFormat="1" x14ac:dyDescent="0.2">
      <c r="B321" s="56" t="s">
        <v>756</v>
      </c>
      <c r="C321" s="62" t="s">
        <v>757</v>
      </c>
      <c r="D321" s="12" t="s">
        <v>1853</v>
      </c>
      <c r="E321" s="49" t="s">
        <v>758</v>
      </c>
      <c r="F321" s="12" t="s">
        <v>1930</v>
      </c>
      <c r="G321" s="50" t="s">
        <v>1739</v>
      </c>
      <c r="H321" s="51" t="s">
        <v>1740</v>
      </c>
    </row>
    <row r="322" spans="2:8" s="5" customFormat="1" x14ac:dyDescent="0.2">
      <c r="B322" s="56" t="s">
        <v>1</v>
      </c>
      <c r="C322" s="11" t="s">
        <v>759</v>
      </c>
      <c r="D322" s="10" t="s">
        <v>1854</v>
      </c>
      <c r="E322" s="53" t="s">
        <v>760</v>
      </c>
      <c r="F322" s="10" t="s">
        <v>1931</v>
      </c>
      <c r="G322" s="54" t="s">
        <v>1741</v>
      </c>
      <c r="H322" s="55" t="s">
        <v>1742</v>
      </c>
    </row>
    <row r="323" spans="2:8" s="5" customFormat="1" ht="13.5" customHeight="1" thickBot="1" x14ac:dyDescent="0.25">
      <c r="B323" s="56"/>
      <c r="C323" s="78" t="s">
        <v>761</v>
      </c>
      <c r="D323" s="13" t="s">
        <v>1855</v>
      </c>
      <c r="E323" s="59" t="s">
        <v>760</v>
      </c>
      <c r="F323" s="13" t="s">
        <v>1932</v>
      </c>
      <c r="G323" s="60" t="s">
        <v>1743</v>
      </c>
      <c r="H323" s="61" t="s">
        <v>1744</v>
      </c>
    </row>
    <row r="324" spans="2:8" s="5" customFormat="1" x14ac:dyDescent="0.2">
      <c r="B324" s="19" t="s">
        <v>762</v>
      </c>
      <c r="C324" s="62" t="s">
        <v>763</v>
      </c>
      <c r="D324" s="12" t="s">
        <v>247</v>
      </c>
      <c r="E324" s="49" t="s">
        <v>764</v>
      </c>
      <c r="F324" s="12" t="s">
        <v>1933</v>
      </c>
      <c r="G324" s="50" t="s">
        <v>1270</v>
      </c>
      <c r="H324" s="51" t="s">
        <v>1405</v>
      </c>
    </row>
    <row r="325" spans="2:8" s="5" customFormat="1" x14ac:dyDescent="0.2">
      <c r="B325" s="56" t="s">
        <v>543</v>
      </c>
      <c r="C325" s="11" t="s">
        <v>765</v>
      </c>
      <c r="D325" s="10" t="s">
        <v>174</v>
      </c>
      <c r="E325" s="53" t="s">
        <v>766</v>
      </c>
      <c r="F325" s="10" t="s">
        <v>1934</v>
      </c>
      <c r="G325" s="54" t="s">
        <v>1271</v>
      </c>
      <c r="H325" s="55" t="s">
        <v>1406</v>
      </c>
    </row>
    <row r="326" spans="2:8" s="5" customFormat="1" x14ac:dyDescent="0.2">
      <c r="B326" s="56"/>
      <c r="C326" s="11" t="s">
        <v>767</v>
      </c>
      <c r="D326" s="10" t="s">
        <v>175</v>
      </c>
      <c r="E326" s="53" t="s">
        <v>768</v>
      </c>
      <c r="F326" s="10" t="s">
        <v>1935</v>
      </c>
      <c r="G326" s="54" t="s">
        <v>1272</v>
      </c>
      <c r="H326" s="55" t="s">
        <v>1407</v>
      </c>
    </row>
    <row r="327" spans="2:8" s="5" customFormat="1" x14ac:dyDescent="0.2">
      <c r="B327" s="56"/>
      <c r="C327" s="11" t="s">
        <v>769</v>
      </c>
      <c r="D327" s="10" t="s">
        <v>176</v>
      </c>
      <c r="E327" s="53" t="s">
        <v>770</v>
      </c>
      <c r="F327" s="10" t="s">
        <v>1936</v>
      </c>
      <c r="G327" s="54" t="s">
        <v>1273</v>
      </c>
      <c r="H327" s="55" t="s">
        <v>1408</v>
      </c>
    </row>
    <row r="328" spans="2:8" s="5" customFormat="1" x14ac:dyDescent="0.2">
      <c r="B328" s="56"/>
      <c r="C328" s="11" t="s">
        <v>771</v>
      </c>
      <c r="D328" s="10" t="s">
        <v>177</v>
      </c>
      <c r="E328" s="53" t="s">
        <v>772</v>
      </c>
      <c r="F328" s="10" t="s">
        <v>1937</v>
      </c>
      <c r="G328" s="54" t="s">
        <v>1274</v>
      </c>
      <c r="H328" s="55" t="s">
        <v>1409</v>
      </c>
    </row>
    <row r="329" spans="2:8" s="5" customFormat="1" ht="13.5" thickBot="1" x14ac:dyDescent="0.25">
      <c r="B329" s="57"/>
      <c r="C329" s="58" t="s">
        <v>773</v>
      </c>
      <c r="D329" s="13" t="s">
        <v>178</v>
      </c>
      <c r="E329" s="59" t="s">
        <v>764</v>
      </c>
      <c r="F329" s="13" t="s">
        <v>1938</v>
      </c>
      <c r="G329" s="60" t="s">
        <v>1275</v>
      </c>
      <c r="H329" s="61" t="s">
        <v>1410</v>
      </c>
    </row>
    <row r="330" spans="2:8" s="5" customFormat="1" x14ac:dyDescent="0.2">
      <c r="B330" s="56" t="s">
        <v>774</v>
      </c>
      <c r="C330" s="17" t="s">
        <v>1887</v>
      </c>
      <c r="D330" s="12" t="s">
        <v>179</v>
      </c>
      <c r="E330" s="49" t="s">
        <v>180</v>
      </c>
      <c r="F330" s="12" t="s">
        <v>1939</v>
      </c>
      <c r="G330" s="70" t="s">
        <v>1276</v>
      </c>
      <c r="H330" s="91" t="s">
        <v>1411</v>
      </c>
    </row>
    <row r="331" spans="2:8" s="5" customFormat="1" ht="13.5" thickBot="1" x14ac:dyDescent="0.25">
      <c r="B331" s="57" t="s">
        <v>776</v>
      </c>
      <c r="C331" s="58" t="s">
        <v>1888</v>
      </c>
      <c r="D331" s="16" t="s">
        <v>181</v>
      </c>
      <c r="E331" s="74" t="s">
        <v>775</v>
      </c>
      <c r="F331" s="16" t="s">
        <v>1940</v>
      </c>
      <c r="G331" s="60" t="s">
        <v>1963</v>
      </c>
      <c r="H331" s="61"/>
    </row>
    <row r="332" spans="2:8" x14ac:dyDescent="0.2">
      <c r="B332" s="93"/>
      <c r="C332" s="22"/>
      <c r="D332" s="22"/>
      <c r="E332" s="23"/>
      <c r="F332" s="22"/>
      <c r="G332" s="23"/>
      <c r="H332" s="23"/>
    </row>
    <row r="333" spans="2:8" x14ac:dyDescent="0.2">
      <c r="B333" s="94"/>
      <c r="C333" s="22"/>
      <c r="D333" s="22"/>
      <c r="E333" s="23"/>
      <c r="F333" s="22"/>
      <c r="G333" s="23"/>
      <c r="H333" s="23"/>
    </row>
    <row r="334" spans="2:8" x14ac:dyDescent="0.2">
      <c r="C334" s="22"/>
      <c r="D334" s="22"/>
      <c r="E334" s="23"/>
      <c r="F334" s="22"/>
      <c r="G334" s="23"/>
      <c r="H334" s="23"/>
    </row>
    <row r="335" spans="2:8" x14ac:dyDescent="0.2">
      <c r="C335" s="22"/>
      <c r="D335" s="22"/>
      <c r="E335" s="23"/>
      <c r="F335" s="22"/>
      <c r="G335" s="23"/>
      <c r="H335" s="23"/>
    </row>
    <row r="336" spans="2:8" x14ac:dyDescent="0.2">
      <c r="C336" s="22"/>
      <c r="D336" s="22"/>
      <c r="E336" s="23"/>
      <c r="F336" s="22"/>
      <c r="G336" s="23"/>
      <c r="H336" s="23"/>
    </row>
    <row r="337" spans="1:8" x14ac:dyDescent="0.2">
      <c r="C337" s="22"/>
      <c r="D337" s="22"/>
      <c r="E337" s="23"/>
      <c r="F337" s="22"/>
      <c r="G337" s="23"/>
      <c r="H337" s="23"/>
    </row>
    <row r="338" spans="1:8" x14ac:dyDescent="0.2">
      <c r="C338" s="22"/>
      <c r="D338" s="22"/>
      <c r="E338" s="23"/>
      <c r="F338" s="22"/>
      <c r="G338" s="23"/>
      <c r="H338" s="23"/>
    </row>
    <row r="339" spans="1:8" x14ac:dyDescent="0.2">
      <c r="C339" s="22"/>
      <c r="D339" s="22"/>
      <c r="E339" s="23"/>
      <c r="F339" s="22"/>
      <c r="G339" s="23"/>
      <c r="H339" s="23"/>
    </row>
    <row r="340" spans="1:8" x14ac:dyDescent="0.2">
      <c r="C340" s="22"/>
      <c r="D340" s="22"/>
      <c r="E340" s="23"/>
      <c r="F340" s="22"/>
      <c r="G340" s="23"/>
      <c r="H340" s="23"/>
    </row>
    <row r="341" spans="1:8" x14ac:dyDescent="0.2">
      <c r="C341" s="22"/>
      <c r="D341" s="22"/>
      <c r="E341" s="23"/>
      <c r="F341" s="22"/>
      <c r="G341" s="23"/>
      <c r="H341" s="23"/>
    </row>
    <row r="342" spans="1:8" x14ac:dyDescent="0.2">
      <c r="C342" s="22"/>
      <c r="D342" s="22"/>
      <c r="E342" s="23"/>
      <c r="F342" s="22"/>
      <c r="G342" s="23"/>
      <c r="H342" s="23"/>
    </row>
    <row r="343" spans="1:8" x14ac:dyDescent="0.2">
      <c r="C343" s="22"/>
      <c r="D343" s="22"/>
      <c r="E343" s="23"/>
      <c r="F343" s="22"/>
      <c r="G343" s="23"/>
      <c r="H343" s="23"/>
    </row>
    <row r="344" spans="1:8" x14ac:dyDescent="0.2">
      <c r="C344" s="22"/>
      <c r="D344" s="22"/>
      <c r="E344" s="23"/>
      <c r="F344" s="22"/>
      <c r="G344" s="23"/>
      <c r="H344" s="23"/>
    </row>
    <row r="345" spans="1:8" ht="14.25" customHeight="1" x14ac:dyDescent="0.2">
      <c r="A345" s="4"/>
      <c r="C345" s="22"/>
      <c r="D345" s="22"/>
      <c r="E345" s="23"/>
      <c r="F345" s="22"/>
      <c r="G345" s="23"/>
      <c r="H345" s="23"/>
    </row>
    <row r="346" spans="1:8" x14ac:dyDescent="0.2">
      <c r="C346" s="22"/>
      <c r="D346" s="22"/>
      <c r="E346" s="23"/>
      <c r="F346" s="22"/>
      <c r="G346" s="23"/>
      <c r="H346" s="23"/>
    </row>
    <row r="347" spans="1:8" x14ac:dyDescent="0.2">
      <c r="C347" s="22"/>
      <c r="D347" s="22"/>
      <c r="E347" s="23"/>
      <c r="F347" s="22"/>
      <c r="G347" s="23"/>
      <c r="H347" s="23"/>
    </row>
    <row r="348" spans="1:8" x14ac:dyDescent="0.2">
      <c r="C348" s="22"/>
      <c r="D348" s="22"/>
      <c r="E348" s="23"/>
      <c r="F348" s="22"/>
      <c r="G348" s="23"/>
      <c r="H348" s="23"/>
    </row>
    <row r="349" spans="1:8" x14ac:dyDescent="0.2">
      <c r="C349" s="22"/>
      <c r="D349" s="22"/>
      <c r="E349" s="23"/>
      <c r="F349" s="22"/>
      <c r="G349" s="23"/>
      <c r="H349" s="23"/>
    </row>
    <row r="350" spans="1:8" x14ac:dyDescent="0.2">
      <c r="C350" s="22"/>
      <c r="D350" s="22"/>
      <c r="E350" s="23"/>
      <c r="F350" s="22"/>
      <c r="G350" s="23"/>
      <c r="H350" s="23"/>
    </row>
    <row r="351" spans="1:8" x14ac:dyDescent="0.2">
      <c r="C351" s="22"/>
      <c r="D351" s="22"/>
      <c r="E351" s="23"/>
      <c r="F351" s="22"/>
      <c r="G351" s="23"/>
      <c r="H351" s="23"/>
    </row>
    <row r="352" spans="1:8" x14ac:dyDescent="0.2">
      <c r="C352" s="22"/>
      <c r="D352" s="22"/>
      <c r="E352" s="23"/>
      <c r="F352" s="22"/>
      <c r="G352" s="23"/>
      <c r="H352" s="23"/>
    </row>
    <row r="353" spans="1:8" x14ac:dyDescent="0.2">
      <c r="C353" s="22"/>
      <c r="D353" s="22"/>
      <c r="E353" s="23"/>
      <c r="F353" s="22"/>
      <c r="G353" s="23"/>
      <c r="H353" s="23"/>
    </row>
    <row r="354" spans="1:8" ht="13.5" customHeight="1" x14ac:dyDescent="0.2">
      <c r="C354" s="22"/>
      <c r="D354" s="22"/>
      <c r="E354" s="23"/>
      <c r="F354" s="22"/>
      <c r="G354" s="23"/>
      <c r="H354" s="23"/>
    </row>
    <row r="355" spans="1:8" x14ac:dyDescent="0.2">
      <c r="C355" s="22"/>
      <c r="D355" s="22"/>
      <c r="E355" s="23"/>
      <c r="F355" s="22"/>
      <c r="G355" s="23"/>
      <c r="H355" s="23"/>
    </row>
    <row r="356" spans="1:8" x14ac:dyDescent="0.2">
      <c r="C356" s="22"/>
      <c r="D356" s="22"/>
      <c r="E356" s="23"/>
      <c r="F356" s="22"/>
      <c r="G356" s="23"/>
      <c r="H356" s="23"/>
    </row>
    <row r="357" spans="1:8" x14ac:dyDescent="0.2">
      <c r="C357" s="22"/>
      <c r="D357" s="22"/>
      <c r="E357" s="23"/>
      <c r="F357" s="22"/>
      <c r="G357" s="23"/>
      <c r="H357" s="23"/>
    </row>
    <row r="358" spans="1:8" x14ac:dyDescent="0.2">
      <c r="C358" s="22"/>
      <c r="D358" s="22"/>
      <c r="E358" s="23"/>
      <c r="F358" s="22"/>
      <c r="G358" s="23"/>
      <c r="H358" s="23"/>
    </row>
    <row r="359" spans="1:8" x14ac:dyDescent="0.2">
      <c r="C359" s="22"/>
      <c r="D359" s="22"/>
      <c r="E359" s="23"/>
      <c r="F359" s="22"/>
      <c r="G359" s="23"/>
      <c r="H359" s="23"/>
    </row>
    <row r="360" spans="1:8" x14ac:dyDescent="0.2">
      <c r="C360" s="22"/>
      <c r="D360" s="22"/>
      <c r="E360" s="23"/>
      <c r="F360" s="22"/>
      <c r="G360" s="23"/>
      <c r="H360" s="23"/>
    </row>
    <row r="361" spans="1:8" x14ac:dyDescent="0.2">
      <c r="C361" s="22"/>
      <c r="D361" s="22"/>
      <c r="E361" s="23"/>
      <c r="F361" s="22"/>
      <c r="G361" s="23"/>
      <c r="H361" s="23"/>
    </row>
    <row r="362" spans="1:8" x14ac:dyDescent="0.2">
      <c r="C362" s="22"/>
      <c r="D362" s="22"/>
      <c r="E362" s="23"/>
      <c r="F362" s="22"/>
      <c r="G362" s="23"/>
      <c r="H362" s="23"/>
    </row>
    <row r="363" spans="1:8" x14ac:dyDescent="0.2">
      <c r="A363" s="4"/>
      <c r="C363" s="22"/>
      <c r="D363" s="22"/>
      <c r="E363" s="23"/>
      <c r="F363" s="22"/>
      <c r="G363" s="23"/>
      <c r="H363" s="23"/>
    </row>
    <row r="364" spans="1:8" x14ac:dyDescent="0.2">
      <c r="C364" s="22"/>
      <c r="D364" s="22"/>
      <c r="E364" s="23"/>
      <c r="F364" s="22"/>
      <c r="G364" s="23"/>
      <c r="H364" s="23"/>
    </row>
    <row r="365" spans="1:8" x14ac:dyDescent="0.2">
      <c r="C365" s="22"/>
      <c r="D365" s="22"/>
      <c r="E365" s="23"/>
      <c r="F365" s="22"/>
      <c r="G365" s="23"/>
      <c r="H365" s="23"/>
    </row>
    <row r="366" spans="1:8" x14ac:dyDescent="0.2">
      <c r="C366" s="22"/>
      <c r="D366" s="22"/>
      <c r="E366" s="23"/>
      <c r="F366" s="22"/>
      <c r="G366" s="23"/>
      <c r="H366" s="23"/>
    </row>
    <row r="367" spans="1:8" x14ac:dyDescent="0.2">
      <c r="C367" s="22"/>
      <c r="D367" s="22"/>
      <c r="E367" s="23"/>
      <c r="F367" s="22"/>
      <c r="G367" s="23"/>
      <c r="H367" s="94"/>
    </row>
    <row r="368" spans="1:8" x14ac:dyDescent="0.2">
      <c r="C368" s="22"/>
      <c r="D368" s="22"/>
      <c r="E368" s="23"/>
      <c r="F368" s="22"/>
      <c r="G368" s="23"/>
      <c r="H368" s="23"/>
    </row>
    <row r="369" spans="3:8" x14ac:dyDescent="0.2">
      <c r="C369" s="22"/>
      <c r="D369" s="22"/>
      <c r="E369" s="23"/>
      <c r="F369" s="22"/>
      <c r="G369" s="23"/>
      <c r="H369" s="23"/>
    </row>
    <row r="370" spans="3:8" x14ac:dyDescent="0.2">
      <c r="C370" s="22"/>
      <c r="D370" s="22"/>
      <c r="E370" s="23"/>
      <c r="F370" s="22"/>
      <c r="G370" s="23"/>
      <c r="H370" s="23"/>
    </row>
    <row r="371" spans="3:8" x14ac:dyDescent="0.2">
      <c r="C371" s="22"/>
      <c r="D371" s="22"/>
      <c r="E371" s="23"/>
      <c r="F371" s="22"/>
      <c r="G371" s="23"/>
      <c r="H371" s="23"/>
    </row>
    <row r="372" spans="3:8" x14ac:dyDescent="0.2">
      <c r="C372" s="22"/>
      <c r="D372" s="22"/>
      <c r="E372" s="23"/>
      <c r="F372" s="22"/>
      <c r="G372" s="23"/>
      <c r="H372" s="23"/>
    </row>
    <row r="373" spans="3:8" x14ac:dyDescent="0.2">
      <c r="C373" s="22"/>
      <c r="D373" s="22"/>
      <c r="E373" s="23"/>
      <c r="F373" s="22"/>
      <c r="G373" s="23"/>
      <c r="H373" s="23"/>
    </row>
    <row r="374" spans="3:8" x14ac:dyDescent="0.2">
      <c r="C374" s="22"/>
      <c r="D374" s="22"/>
      <c r="E374" s="23"/>
      <c r="F374" s="22"/>
      <c r="G374" s="23"/>
      <c r="H374" s="23"/>
    </row>
    <row r="375" spans="3:8" x14ac:dyDescent="0.2">
      <c r="C375" s="22"/>
      <c r="D375" s="22"/>
      <c r="E375" s="23"/>
      <c r="F375" s="22"/>
      <c r="G375" s="23"/>
      <c r="H375" s="23"/>
    </row>
    <row r="376" spans="3:8" x14ac:dyDescent="0.2">
      <c r="C376" s="22"/>
      <c r="D376" s="22"/>
      <c r="E376" s="23"/>
      <c r="F376" s="22"/>
      <c r="G376" s="23"/>
      <c r="H376" s="23"/>
    </row>
    <row r="377" spans="3:8" x14ac:dyDescent="0.2">
      <c r="C377" s="22"/>
      <c r="D377" s="22"/>
      <c r="E377" s="23"/>
      <c r="F377" s="22"/>
      <c r="G377" s="23"/>
      <c r="H377" s="23"/>
    </row>
    <row r="378" spans="3:8" x14ac:dyDescent="0.2">
      <c r="C378" s="22"/>
      <c r="D378" s="22"/>
      <c r="E378" s="23"/>
      <c r="F378" s="22"/>
      <c r="G378" s="23"/>
      <c r="H378" s="23"/>
    </row>
    <row r="379" spans="3:8" x14ac:dyDescent="0.2">
      <c r="C379" s="22"/>
      <c r="D379" s="22"/>
      <c r="E379" s="23"/>
      <c r="F379" s="22"/>
      <c r="G379" s="23"/>
      <c r="H379" s="23"/>
    </row>
    <row r="380" spans="3:8" x14ac:dyDescent="0.2">
      <c r="C380" s="22"/>
      <c r="D380" s="22"/>
      <c r="E380" s="23"/>
      <c r="F380" s="22"/>
      <c r="G380" s="23"/>
      <c r="H380" s="23"/>
    </row>
    <row r="381" spans="3:8" x14ac:dyDescent="0.2">
      <c r="C381" s="22"/>
      <c r="D381" s="22"/>
      <c r="E381" s="23"/>
      <c r="F381" s="22"/>
      <c r="G381" s="23"/>
      <c r="H381" s="23"/>
    </row>
    <row r="382" spans="3:8" x14ac:dyDescent="0.2">
      <c r="C382" s="22"/>
      <c r="D382" s="22"/>
      <c r="E382" s="23"/>
      <c r="F382" s="22"/>
      <c r="G382" s="23"/>
      <c r="H382" s="23"/>
    </row>
    <row r="383" spans="3:8" x14ac:dyDescent="0.2">
      <c r="C383" s="22"/>
      <c r="D383" s="22"/>
      <c r="E383" s="23"/>
      <c r="F383" s="22"/>
      <c r="G383" s="23"/>
      <c r="H383" s="23"/>
    </row>
    <row r="384" spans="3:8" x14ac:dyDescent="0.2">
      <c r="C384" s="22"/>
      <c r="D384" s="22"/>
      <c r="E384" s="23"/>
      <c r="F384" s="22"/>
      <c r="G384" s="23"/>
      <c r="H384" s="23"/>
    </row>
    <row r="401" ht="14.25" customHeight="1" x14ac:dyDescent="0.2"/>
  </sheetData>
  <mergeCells count="1">
    <mergeCell ref="G3:H3"/>
  </mergeCells>
  <phoneticPr fontId="1"/>
  <dataValidations count="1">
    <dataValidation type="custom" allowBlank="1" showInputMessage="1" showErrorMessage="1" error="かぶってます。" sqref="H15:H79 H301:H368 H96:H155 H175:H295">
      <formula1>COUNTIF(H:H,H15)&lt;2</formula1>
    </dataValidation>
  </dataValidations>
  <printOptions horizontalCentered="1"/>
  <pageMargins left="0.78740157480314965" right="0.78740157480314965" top="0.59055118110236227" bottom="0.59055118110236227" header="0" footer="0"/>
  <pageSetup paperSize="9" scale="64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小学校（横浜市・川崎市・相模原市以外）</vt:lpstr>
      <vt:lpstr>'小学校（横浜市・川崎市・相模原市以外）'!Print_Area</vt:lpstr>
      <vt:lpstr>'小学校（横浜市・川崎市・相模原市以外）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2-02-01T06:57:52Z</cp:lastPrinted>
  <dcterms:created xsi:type="dcterms:W3CDTF">2009-12-22T05:26:58Z</dcterms:created>
  <dcterms:modified xsi:type="dcterms:W3CDTF">2024-03-26T06:31:34Z</dcterms:modified>
</cp:coreProperties>
</file>